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108692\Documents\PhD\"/>
    </mc:Choice>
  </mc:AlternateContent>
  <bookViews>
    <workbookView xWindow="0" yWindow="0" windowWidth="28800" windowHeight="12300"/>
  </bookViews>
  <sheets>
    <sheet name="Sheet1" sheetId="1" r:id="rId1"/>
    <sheet name="Sheet2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562" i="1" l="1"/>
  <c r="B563" i="1"/>
  <c r="B564" i="1"/>
  <c r="B565" i="1"/>
  <c r="B566" i="1"/>
  <c r="B567" i="1"/>
  <c r="B568" i="1"/>
  <c r="B569" i="1"/>
  <c r="B570" i="1"/>
  <c r="B571" i="1"/>
  <c r="B572" i="1"/>
  <c r="B573" i="1"/>
  <c r="B574" i="1"/>
  <c r="B575" i="1"/>
  <c r="B576" i="1"/>
  <c r="B577" i="1"/>
  <c r="B578" i="1"/>
  <c r="B579" i="1"/>
  <c r="B580" i="1"/>
  <c r="B581" i="1"/>
  <c r="B582" i="1"/>
  <c r="B583" i="1"/>
  <c r="B584" i="1"/>
  <c r="B585" i="1"/>
  <c r="B586" i="1"/>
  <c r="B587" i="1"/>
  <c r="B588" i="1"/>
  <c r="B589" i="1"/>
  <c r="B590" i="1"/>
  <c r="B591" i="1"/>
  <c r="B592" i="1"/>
  <c r="B593" i="1"/>
  <c r="B594" i="1"/>
  <c r="B595" i="1"/>
  <c r="B596" i="1"/>
  <c r="B597" i="1"/>
  <c r="B598" i="1"/>
  <c r="B599" i="1"/>
  <c r="B600" i="1"/>
  <c r="B601" i="1"/>
  <c r="B602" i="1"/>
  <c r="B603" i="1"/>
  <c r="B604" i="1"/>
  <c r="B605" i="1"/>
  <c r="B606" i="1"/>
  <c r="B607" i="1"/>
  <c r="B608" i="1"/>
  <c r="B609" i="1"/>
  <c r="B610" i="1"/>
  <c r="B611" i="1"/>
  <c r="B612" i="1"/>
  <c r="B613" i="1"/>
  <c r="B614" i="1"/>
  <c r="B615" i="1"/>
  <c r="B616" i="1"/>
  <c r="B617" i="1"/>
  <c r="B618" i="1"/>
  <c r="B619" i="1"/>
  <c r="B620" i="1"/>
  <c r="B621" i="1"/>
  <c r="B622" i="1"/>
  <c r="B623" i="1"/>
  <c r="B624" i="1"/>
  <c r="B625" i="1"/>
  <c r="B626" i="1"/>
  <c r="B627" i="1"/>
  <c r="B628" i="1"/>
  <c r="B629" i="1"/>
  <c r="B630" i="1"/>
  <c r="B631" i="1"/>
  <c r="B632" i="1"/>
  <c r="B633" i="1"/>
  <c r="B634" i="1"/>
  <c r="B635" i="1"/>
  <c r="B636" i="1"/>
  <c r="B637" i="1"/>
  <c r="B638" i="1"/>
  <c r="B639" i="1"/>
  <c r="B640" i="1"/>
  <c r="B641" i="1"/>
  <c r="B642" i="1"/>
  <c r="B643" i="1"/>
  <c r="B644" i="1"/>
  <c r="B645" i="1"/>
  <c r="B646" i="1"/>
  <c r="B647" i="1"/>
  <c r="B648" i="1"/>
  <c r="B649" i="1"/>
  <c r="B650" i="1"/>
  <c r="B651" i="1"/>
  <c r="B652" i="1"/>
  <c r="B653" i="1"/>
  <c r="B654" i="1"/>
  <c r="B655" i="1"/>
  <c r="B656" i="1"/>
  <c r="B657" i="1"/>
  <c r="B658" i="1"/>
  <c r="B659" i="1"/>
  <c r="B660" i="1"/>
  <c r="B661" i="1"/>
  <c r="B662" i="1"/>
  <c r="B663" i="1"/>
  <c r="B664" i="1"/>
  <c r="B665" i="1"/>
  <c r="B666" i="1"/>
  <c r="B667" i="1"/>
  <c r="B668" i="1"/>
  <c r="B669" i="1"/>
  <c r="B670" i="1"/>
  <c r="B671" i="1"/>
  <c r="B672" i="1"/>
  <c r="B673" i="1"/>
  <c r="B674" i="1"/>
  <c r="B675" i="1"/>
  <c r="B676" i="1"/>
  <c r="B677" i="1"/>
  <c r="B678" i="1"/>
  <c r="B679" i="1"/>
  <c r="B680" i="1"/>
  <c r="B681" i="1"/>
  <c r="B682" i="1"/>
  <c r="B683" i="1"/>
  <c r="B684" i="1"/>
  <c r="B685" i="1"/>
  <c r="B686" i="1"/>
  <c r="B687" i="1"/>
  <c r="B688" i="1"/>
  <c r="B689" i="1"/>
  <c r="B690" i="1"/>
  <c r="B691" i="1"/>
  <c r="B692" i="1"/>
  <c r="B693" i="1"/>
  <c r="B694" i="1"/>
  <c r="B695" i="1"/>
  <c r="B696" i="1"/>
  <c r="B697" i="1"/>
  <c r="B698" i="1"/>
  <c r="B699" i="1"/>
  <c r="B700" i="1"/>
  <c r="B701" i="1"/>
  <c r="B702" i="1"/>
  <c r="B703" i="1"/>
  <c r="B704" i="1"/>
  <c r="B705" i="1"/>
  <c r="B706" i="1"/>
  <c r="B707" i="1"/>
  <c r="B708" i="1"/>
  <c r="B709" i="1"/>
  <c r="B710" i="1"/>
  <c r="B711" i="1"/>
  <c r="B712" i="1"/>
  <c r="B713" i="1"/>
  <c r="B714" i="1"/>
  <c r="B715" i="1"/>
  <c r="B716" i="1"/>
  <c r="B717" i="1"/>
  <c r="B718" i="1"/>
  <c r="B719" i="1"/>
  <c r="B720" i="1"/>
  <c r="B721" i="1"/>
  <c r="B722" i="1"/>
  <c r="B723" i="1"/>
  <c r="B724" i="1"/>
  <c r="B725" i="1"/>
  <c r="B726" i="1"/>
  <c r="B727" i="1"/>
  <c r="B728" i="1"/>
  <c r="B729" i="1"/>
  <c r="B730" i="1"/>
  <c r="B731" i="1"/>
  <c r="B732" i="1"/>
  <c r="B733" i="1"/>
  <c r="B734" i="1"/>
  <c r="B735" i="1"/>
  <c r="B736" i="1"/>
  <c r="B737" i="1"/>
  <c r="B738" i="1"/>
  <c r="B739" i="1"/>
  <c r="B740" i="1"/>
  <c r="B741" i="1"/>
  <c r="B742" i="1"/>
  <c r="B743" i="1"/>
  <c r="B744" i="1"/>
  <c r="B745" i="1"/>
  <c r="B746" i="1"/>
  <c r="B747" i="1"/>
  <c r="B748" i="1"/>
  <c r="B749" i="1"/>
  <c r="B750" i="1"/>
  <c r="B751" i="1"/>
  <c r="B752" i="1"/>
  <c r="B753" i="1"/>
  <c r="B754" i="1"/>
  <c r="B755" i="1"/>
  <c r="B756" i="1"/>
  <c r="B757" i="1"/>
  <c r="B758" i="1"/>
  <c r="B759" i="1"/>
  <c r="B760" i="1"/>
  <c r="B761" i="1"/>
  <c r="B762" i="1"/>
  <c r="B763" i="1"/>
  <c r="B764" i="1"/>
  <c r="B765" i="1"/>
  <c r="B766" i="1"/>
  <c r="B767" i="1"/>
  <c r="B768" i="1"/>
  <c r="B769" i="1"/>
  <c r="B770" i="1"/>
  <c r="B771" i="1"/>
  <c r="B772" i="1"/>
  <c r="B773" i="1"/>
  <c r="B774" i="1"/>
  <c r="B775" i="1"/>
  <c r="B776" i="1"/>
  <c r="B777" i="1"/>
  <c r="B778" i="1"/>
  <c r="B779" i="1"/>
  <c r="B780" i="1"/>
  <c r="B781" i="1"/>
  <c r="B782" i="1"/>
  <c r="B783" i="1"/>
  <c r="B784" i="1"/>
  <c r="B785" i="1"/>
  <c r="B786" i="1"/>
  <c r="B787" i="1"/>
  <c r="B788" i="1"/>
  <c r="B789" i="1"/>
  <c r="B790" i="1"/>
  <c r="B791" i="1"/>
  <c r="B792" i="1"/>
  <c r="B793" i="1"/>
  <c r="B794" i="1"/>
  <c r="B795" i="1"/>
  <c r="B796" i="1"/>
  <c r="B797" i="1"/>
  <c r="B798" i="1"/>
  <c r="B799" i="1"/>
  <c r="B800" i="1"/>
  <c r="B801" i="1"/>
  <c r="B802" i="1"/>
  <c r="B803" i="1"/>
  <c r="B804" i="1"/>
  <c r="B805" i="1"/>
  <c r="B806" i="1"/>
  <c r="B807" i="1"/>
  <c r="B808" i="1"/>
  <c r="B809" i="1"/>
  <c r="B810" i="1"/>
  <c r="B811" i="1"/>
  <c r="B812" i="1"/>
  <c r="B813" i="1"/>
  <c r="B814" i="1"/>
  <c r="B815" i="1"/>
  <c r="B816" i="1"/>
  <c r="B817" i="1"/>
  <c r="B818" i="1"/>
  <c r="B819" i="1"/>
  <c r="B820" i="1"/>
  <c r="B821" i="1"/>
  <c r="B822" i="1"/>
  <c r="B823" i="1"/>
  <c r="B824" i="1"/>
  <c r="B825" i="1"/>
  <c r="B826" i="1"/>
  <c r="B827" i="1"/>
  <c r="B828" i="1"/>
  <c r="B829" i="1"/>
  <c r="B830" i="1"/>
  <c r="B831" i="1"/>
  <c r="B832" i="1"/>
  <c r="B833" i="1"/>
  <c r="B834" i="1"/>
  <c r="B835" i="1"/>
  <c r="B836" i="1"/>
  <c r="B837" i="1"/>
  <c r="B838" i="1"/>
  <c r="B839" i="1"/>
  <c r="B840" i="1"/>
  <c r="B841" i="1"/>
  <c r="B842" i="1"/>
  <c r="B843" i="1"/>
  <c r="B844" i="1"/>
  <c r="B845" i="1"/>
  <c r="B846" i="1"/>
  <c r="B847" i="1"/>
  <c r="B848" i="1"/>
  <c r="B849" i="1"/>
  <c r="B850" i="1"/>
  <c r="B851" i="1"/>
  <c r="B852" i="1"/>
  <c r="B853" i="1"/>
  <c r="B854" i="1"/>
  <c r="B855" i="1"/>
  <c r="B856" i="1"/>
  <c r="B857" i="1"/>
  <c r="B858" i="1"/>
  <c r="B859" i="1"/>
  <c r="B860" i="1"/>
  <c r="B861" i="1"/>
  <c r="B862" i="1"/>
  <c r="B863" i="1"/>
  <c r="B864" i="1"/>
  <c r="B865" i="1"/>
  <c r="B866" i="1"/>
  <c r="B867" i="1"/>
  <c r="B868" i="1"/>
  <c r="B869" i="1"/>
  <c r="B870" i="1"/>
  <c r="B871" i="1"/>
  <c r="B872" i="1"/>
  <c r="B873" i="1"/>
  <c r="B874" i="1"/>
  <c r="B875" i="1"/>
  <c r="B876" i="1"/>
  <c r="B877" i="1"/>
  <c r="B878" i="1"/>
  <c r="B879" i="1"/>
  <c r="B880" i="1"/>
  <c r="B881" i="1"/>
  <c r="B882" i="1"/>
  <c r="B883" i="1"/>
  <c r="B884" i="1"/>
  <c r="B885" i="1"/>
  <c r="B886" i="1"/>
  <c r="B887" i="1"/>
  <c r="B888" i="1"/>
  <c r="B889" i="1"/>
  <c r="B890" i="1"/>
  <c r="B891" i="1"/>
  <c r="B892" i="1"/>
  <c r="B893" i="1"/>
  <c r="B894" i="1"/>
  <c r="B895" i="1"/>
  <c r="B896" i="1"/>
  <c r="B897" i="1"/>
  <c r="B898" i="1"/>
  <c r="B899" i="1"/>
  <c r="B900" i="1"/>
  <c r="B901" i="1"/>
  <c r="B902" i="1"/>
  <c r="B903" i="1"/>
  <c r="B904" i="1"/>
  <c r="B905" i="1"/>
  <c r="B906" i="1"/>
  <c r="B907" i="1"/>
  <c r="B908" i="1"/>
  <c r="B909" i="1"/>
  <c r="B910" i="1"/>
  <c r="B911" i="1"/>
  <c r="B912" i="1"/>
  <c r="B913" i="1"/>
  <c r="B914" i="1"/>
  <c r="B915" i="1"/>
  <c r="B916" i="1"/>
  <c r="B917" i="1"/>
  <c r="B918" i="1"/>
  <c r="B919" i="1"/>
  <c r="B920" i="1"/>
  <c r="B921" i="1"/>
  <c r="B922" i="1"/>
  <c r="B923" i="1"/>
  <c r="B924" i="1"/>
  <c r="B925" i="1"/>
  <c r="B926" i="1"/>
  <c r="B927" i="1"/>
  <c r="B928" i="1"/>
  <c r="B929" i="1"/>
  <c r="B930" i="1"/>
  <c r="B931" i="1"/>
  <c r="B932" i="1"/>
  <c r="B933" i="1"/>
  <c r="B934" i="1"/>
  <c r="B935" i="1"/>
  <c r="B936" i="1"/>
  <c r="B937" i="1"/>
  <c r="B938" i="1"/>
  <c r="B939" i="1"/>
  <c r="B940" i="1"/>
  <c r="B941" i="1"/>
  <c r="B942" i="1"/>
  <c r="B943" i="1"/>
  <c r="B944" i="1"/>
  <c r="B945" i="1"/>
  <c r="B946" i="1"/>
  <c r="B947" i="1"/>
  <c r="B948" i="1"/>
  <c r="B949" i="1"/>
  <c r="B950" i="1"/>
  <c r="B951" i="1"/>
  <c r="B952" i="1"/>
  <c r="B953" i="1"/>
  <c r="B954" i="1"/>
  <c r="B955" i="1"/>
  <c r="B956" i="1"/>
  <c r="B957" i="1"/>
  <c r="B958" i="1"/>
  <c r="B959" i="1"/>
  <c r="B960" i="1"/>
  <c r="B961" i="1"/>
  <c r="B962" i="1"/>
  <c r="B963" i="1"/>
  <c r="B964" i="1"/>
  <c r="B965" i="1"/>
  <c r="B966" i="1"/>
  <c r="B967" i="1"/>
  <c r="B968" i="1"/>
  <c r="B969" i="1"/>
  <c r="B970" i="1"/>
  <c r="B971" i="1"/>
  <c r="B972" i="1"/>
  <c r="B973" i="1"/>
  <c r="B974" i="1"/>
  <c r="B975" i="1"/>
  <c r="B976" i="1"/>
  <c r="B977" i="1"/>
  <c r="B978" i="1"/>
  <c r="B979" i="1"/>
  <c r="B980" i="1"/>
  <c r="B981" i="1"/>
  <c r="B982" i="1"/>
  <c r="B983" i="1"/>
  <c r="B984" i="1"/>
  <c r="B985" i="1"/>
  <c r="B986" i="1"/>
  <c r="B987" i="1"/>
  <c r="B988" i="1"/>
  <c r="B989" i="1"/>
  <c r="B990" i="1"/>
  <c r="B991" i="1"/>
  <c r="B992" i="1"/>
  <c r="B993" i="1"/>
  <c r="B994" i="1"/>
  <c r="B995" i="1"/>
  <c r="B996" i="1"/>
  <c r="B997" i="1"/>
  <c r="B998" i="1"/>
  <c r="B999" i="1"/>
  <c r="B1000" i="1"/>
  <c r="B1001" i="1"/>
  <c r="B1002" i="1"/>
  <c r="B1003" i="1"/>
  <c r="B1004" i="1"/>
  <c r="B1005" i="1"/>
  <c r="B1006" i="1"/>
  <c r="B1007" i="1"/>
  <c r="B1008" i="1"/>
  <c r="B1009" i="1"/>
  <c r="B1010" i="1"/>
  <c r="B1011" i="1"/>
  <c r="B1012" i="1"/>
  <c r="B1013" i="1"/>
  <c r="B1014" i="1"/>
  <c r="B1015" i="1"/>
  <c r="B1016" i="1"/>
  <c r="B1017" i="1"/>
  <c r="B1018" i="1"/>
  <c r="B1019" i="1"/>
  <c r="B1020" i="1"/>
  <c r="B1021" i="1"/>
  <c r="B1022" i="1"/>
  <c r="B1023" i="1"/>
  <c r="B1024" i="1"/>
  <c r="B1025" i="1"/>
  <c r="B1026" i="1"/>
  <c r="B1027" i="1"/>
  <c r="B1028" i="1"/>
  <c r="B1029" i="1"/>
  <c r="B1030" i="1"/>
  <c r="B1031" i="1"/>
  <c r="B1032" i="1"/>
  <c r="B1033" i="1"/>
  <c r="B1034" i="1"/>
  <c r="B1035" i="1"/>
  <c r="B1036" i="1"/>
  <c r="B1037" i="1"/>
  <c r="B1038" i="1"/>
  <c r="B1039" i="1"/>
  <c r="B1040" i="1"/>
  <c r="B1041" i="1"/>
  <c r="B1042" i="1"/>
  <c r="B1043" i="1"/>
  <c r="B1044" i="1"/>
  <c r="B1045" i="1"/>
  <c r="B1046" i="1"/>
  <c r="B1047" i="1"/>
  <c r="B1048" i="1"/>
  <c r="B1049" i="1"/>
  <c r="B1050" i="1"/>
  <c r="B1051" i="1"/>
  <c r="B1052" i="1"/>
  <c r="B1053" i="1"/>
  <c r="B1054" i="1"/>
  <c r="B1055" i="1"/>
  <c r="B1056" i="1"/>
  <c r="B1057" i="1"/>
  <c r="B1058" i="1"/>
  <c r="B1059" i="1"/>
  <c r="B1060" i="1"/>
  <c r="B1061" i="1"/>
  <c r="B1062" i="1"/>
  <c r="B1063" i="1"/>
  <c r="B1064" i="1"/>
  <c r="B1065" i="1"/>
  <c r="B1066" i="1"/>
  <c r="B1067" i="1"/>
  <c r="B1068" i="1"/>
  <c r="B1069" i="1"/>
  <c r="B1070" i="1"/>
  <c r="B1071" i="1"/>
  <c r="B1072" i="1"/>
  <c r="B1073" i="1"/>
  <c r="B1074" i="1"/>
  <c r="B1075" i="1"/>
  <c r="B1076" i="1"/>
  <c r="B1077" i="1"/>
  <c r="B1078" i="1"/>
  <c r="B1079" i="1"/>
  <c r="B1080" i="1"/>
  <c r="B1081" i="1"/>
  <c r="B1082" i="1"/>
  <c r="B1083" i="1"/>
  <c r="B1084" i="1"/>
  <c r="B1085" i="1"/>
  <c r="B1086" i="1"/>
  <c r="B1087" i="1"/>
  <c r="B1088" i="1"/>
  <c r="B1089" i="1"/>
  <c r="B1090" i="1"/>
  <c r="B1091" i="1"/>
  <c r="B1092" i="1"/>
  <c r="B1093" i="1"/>
  <c r="B1094" i="1"/>
  <c r="B1095" i="1"/>
  <c r="B1096" i="1"/>
  <c r="B1097" i="1"/>
  <c r="B1098" i="1"/>
  <c r="B1099" i="1"/>
  <c r="B1100" i="1"/>
  <c r="B1101" i="1"/>
  <c r="B1102" i="1"/>
  <c r="B1103" i="1"/>
  <c r="B1104" i="1"/>
  <c r="B1105" i="1"/>
  <c r="B1106" i="1"/>
  <c r="B1107" i="1"/>
  <c r="B1108" i="1"/>
  <c r="B1109" i="1"/>
  <c r="B1110" i="1"/>
  <c r="B1111" i="1"/>
  <c r="B1112" i="1"/>
  <c r="B1113" i="1"/>
  <c r="B1114" i="1"/>
  <c r="B1115" i="1"/>
  <c r="B1116" i="1"/>
  <c r="B1117" i="1"/>
  <c r="B1118" i="1"/>
  <c r="B1119" i="1"/>
  <c r="B1120" i="1"/>
  <c r="B1121" i="1"/>
  <c r="B1122" i="1"/>
  <c r="B1123" i="1"/>
  <c r="B1124" i="1"/>
  <c r="B1125" i="1"/>
  <c r="B1126" i="1"/>
  <c r="B1127" i="1"/>
  <c r="B1128" i="1"/>
  <c r="B1129" i="1"/>
  <c r="B1130" i="1"/>
  <c r="B1131" i="1"/>
  <c r="B1132" i="1"/>
  <c r="B1133" i="1"/>
  <c r="B1134" i="1"/>
  <c r="B1135" i="1"/>
  <c r="B1136" i="1"/>
  <c r="B1137" i="1"/>
  <c r="B1138" i="1"/>
  <c r="B1139" i="1"/>
  <c r="B1140" i="1"/>
  <c r="B1141" i="1"/>
  <c r="B1142" i="1"/>
  <c r="B1143" i="1"/>
  <c r="B1144" i="1"/>
  <c r="B1145" i="1"/>
  <c r="B1146" i="1"/>
  <c r="B1147" i="1"/>
  <c r="B1148" i="1"/>
  <c r="B1149" i="1"/>
  <c r="B1150" i="1"/>
  <c r="B1151" i="1"/>
  <c r="B1152" i="1"/>
  <c r="B1153" i="1"/>
  <c r="B1154" i="1"/>
  <c r="B1155" i="1"/>
  <c r="B1156" i="1"/>
  <c r="B1157" i="1"/>
  <c r="B1158" i="1"/>
  <c r="B1159" i="1"/>
  <c r="B1160" i="1"/>
  <c r="B1161" i="1"/>
  <c r="B1162" i="1"/>
  <c r="B1163" i="1"/>
  <c r="B1164" i="1"/>
  <c r="B1165" i="1"/>
  <c r="B1166" i="1"/>
  <c r="B1167" i="1"/>
  <c r="B1168" i="1"/>
  <c r="B1169" i="1"/>
  <c r="B1170" i="1"/>
  <c r="B1171" i="1"/>
  <c r="B1172" i="1"/>
  <c r="B1173" i="1"/>
  <c r="B1174" i="1"/>
  <c r="B1175" i="1"/>
  <c r="B1176" i="1"/>
  <c r="B1177" i="1"/>
  <c r="B1178" i="1"/>
  <c r="B1179" i="1"/>
  <c r="B1180" i="1"/>
  <c r="B1181" i="1"/>
  <c r="B1182" i="1"/>
  <c r="B1183" i="1"/>
  <c r="B1184" i="1"/>
  <c r="B1185" i="1"/>
  <c r="B1186" i="1"/>
  <c r="B1187" i="1"/>
  <c r="B1188" i="1"/>
  <c r="B1189" i="1"/>
  <c r="B1190" i="1"/>
  <c r="B1191" i="1"/>
  <c r="B1192" i="1"/>
  <c r="B1193" i="1"/>
  <c r="B1194" i="1"/>
  <c r="B1195" i="1"/>
  <c r="B1196" i="1"/>
  <c r="B1197" i="1"/>
  <c r="B1198" i="1"/>
  <c r="B1199" i="1"/>
  <c r="B1200" i="1"/>
  <c r="B1201" i="1"/>
  <c r="B1202" i="1"/>
  <c r="B1203" i="1"/>
  <c r="B1204" i="1"/>
  <c r="B1205" i="1"/>
  <c r="B1206" i="1"/>
  <c r="B1207" i="1"/>
  <c r="B1208" i="1"/>
  <c r="B1209" i="1"/>
  <c r="B1210" i="1"/>
  <c r="B1211" i="1"/>
  <c r="B1212" i="1"/>
  <c r="B1213" i="1"/>
  <c r="B1214" i="1"/>
  <c r="B1215" i="1"/>
  <c r="B1216" i="1"/>
  <c r="B1217" i="1"/>
  <c r="B1218" i="1"/>
  <c r="B1219" i="1"/>
  <c r="B1220" i="1"/>
  <c r="B1221" i="1"/>
  <c r="B1222" i="1"/>
  <c r="B1223" i="1"/>
  <c r="B1224" i="1"/>
  <c r="B1225" i="1"/>
  <c r="B1226" i="1"/>
  <c r="B1227" i="1"/>
  <c r="B1228" i="1"/>
  <c r="B1229" i="1"/>
  <c r="B1230" i="1"/>
  <c r="B1231" i="1"/>
  <c r="B1232" i="1"/>
  <c r="B1233" i="1"/>
  <c r="B1234" i="1"/>
  <c r="B1235" i="1"/>
  <c r="B1236" i="1"/>
  <c r="B1237" i="1"/>
  <c r="B1238" i="1"/>
  <c r="B1239" i="1"/>
  <c r="B1240" i="1"/>
  <c r="B1241" i="1"/>
  <c r="B1242" i="1"/>
  <c r="B1243" i="1"/>
  <c r="B1244" i="1"/>
  <c r="B1245" i="1"/>
  <c r="B1246" i="1"/>
  <c r="B1247" i="1"/>
  <c r="B1248" i="1"/>
  <c r="B1249" i="1"/>
  <c r="B1250" i="1"/>
  <c r="B1251" i="1"/>
  <c r="B1252" i="1"/>
  <c r="B1253" i="1"/>
  <c r="B1254" i="1"/>
  <c r="B1255" i="1"/>
  <c r="B1256" i="1"/>
  <c r="B1257" i="1"/>
  <c r="B1258" i="1"/>
  <c r="B1259" i="1"/>
  <c r="B1260" i="1"/>
  <c r="B1261" i="1"/>
  <c r="B1262" i="1"/>
  <c r="B1263" i="1"/>
  <c r="B1264" i="1"/>
  <c r="B1265" i="1"/>
  <c r="B1266" i="1"/>
  <c r="B1267" i="1"/>
  <c r="B1268" i="1"/>
  <c r="B1269" i="1"/>
  <c r="B1270" i="1"/>
  <c r="B1271" i="1"/>
  <c r="B1272" i="1"/>
  <c r="B1273" i="1"/>
  <c r="B1274" i="1"/>
  <c r="B1275" i="1"/>
  <c r="B1276" i="1"/>
  <c r="B1277" i="1"/>
  <c r="B1278" i="1"/>
  <c r="B1279" i="1"/>
  <c r="B1280" i="1"/>
  <c r="B1281" i="1"/>
  <c r="B1282" i="1"/>
  <c r="B1283" i="1"/>
  <c r="B1284" i="1"/>
  <c r="B1285" i="1"/>
  <c r="B1286" i="1"/>
  <c r="B1287" i="1"/>
  <c r="B1288" i="1"/>
  <c r="B1289" i="1"/>
  <c r="B1290" i="1"/>
  <c r="B1291" i="1"/>
  <c r="B1292" i="1"/>
  <c r="B1293" i="1"/>
  <c r="B1294" i="1"/>
  <c r="B1295" i="1"/>
  <c r="B1296" i="1"/>
  <c r="B1297" i="1"/>
  <c r="B1298" i="1"/>
  <c r="B1299" i="1"/>
  <c r="B1300" i="1"/>
  <c r="B1301" i="1"/>
  <c r="B1302" i="1"/>
  <c r="B1303" i="1"/>
  <c r="B1304" i="1"/>
  <c r="B1305" i="1"/>
  <c r="B1306" i="1"/>
  <c r="B1307" i="1"/>
  <c r="B1308" i="1"/>
  <c r="B1309" i="1"/>
  <c r="B1310" i="1"/>
  <c r="B1311" i="1"/>
  <c r="B1312" i="1"/>
  <c r="B1313" i="1"/>
  <c r="B1314" i="1"/>
  <c r="B1315" i="1"/>
  <c r="B1316" i="1"/>
  <c r="B1317" i="1"/>
  <c r="B1318" i="1"/>
  <c r="B1319" i="1"/>
  <c r="B1320" i="1"/>
  <c r="B1321" i="1"/>
  <c r="B1322" i="1"/>
  <c r="B1323" i="1"/>
  <c r="B1324" i="1"/>
  <c r="B1325" i="1"/>
  <c r="B1326" i="1"/>
  <c r="B1327" i="1"/>
  <c r="B1328" i="1"/>
  <c r="B1329" i="1"/>
  <c r="B1330" i="1"/>
  <c r="B1331" i="1"/>
  <c r="B1332" i="1"/>
  <c r="B1333" i="1"/>
  <c r="B1334" i="1"/>
  <c r="B1335" i="1"/>
  <c r="B1336" i="1"/>
  <c r="B1337" i="1"/>
  <c r="B1338" i="1"/>
  <c r="B1339" i="1"/>
  <c r="B1340" i="1"/>
  <c r="B1341" i="1"/>
  <c r="B1342" i="1"/>
  <c r="B1343" i="1"/>
  <c r="B1344" i="1"/>
  <c r="B1345" i="1"/>
  <c r="B1346" i="1"/>
  <c r="B1347" i="1"/>
  <c r="B1348" i="1"/>
  <c r="B1349" i="1"/>
  <c r="B1350" i="1"/>
  <c r="B1351" i="1"/>
  <c r="B1352" i="1"/>
  <c r="B1353" i="1"/>
  <c r="B1354" i="1"/>
  <c r="B1355" i="1"/>
  <c r="B1356" i="1"/>
  <c r="B1357" i="1"/>
  <c r="B1358" i="1"/>
  <c r="B1359" i="1"/>
  <c r="B1360" i="1"/>
  <c r="B1361" i="1"/>
  <c r="B1362" i="1"/>
  <c r="B1363" i="1"/>
  <c r="B1364" i="1"/>
  <c r="B1365" i="1"/>
  <c r="B1366" i="1"/>
  <c r="B1367" i="1"/>
  <c r="B1368" i="1"/>
  <c r="B1369" i="1"/>
  <c r="B1370" i="1"/>
  <c r="B1371" i="1"/>
  <c r="B1372" i="1"/>
  <c r="B1373" i="1"/>
  <c r="B1374" i="1"/>
  <c r="B1375" i="1"/>
  <c r="B1376" i="1"/>
  <c r="B1377" i="1"/>
  <c r="B1378" i="1"/>
  <c r="B1379" i="1"/>
  <c r="B1380" i="1"/>
  <c r="B1381" i="1"/>
  <c r="B1382" i="1"/>
  <c r="B1383" i="1"/>
  <c r="B1384" i="1"/>
  <c r="B1385" i="1"/>
  <c r="B1386" i="1"/>
  <c r="B1387" i="1"/>
  <c r="B1388" i="1"/>
  <c r="B1389" i="1"/>
  <c r="B1390" i="1"/>
  <c r="B1391" i="1"/>
  <c r="B1392" i="1"/>
  <c r="B1393" i="1"/>
  <c r="B1394" i="1"/>
  <c r="B1395" i="1"/>
  <c r="B1396" i="1"/>
  <c r="B1397" i="1"/>
  <c r="B1398" i="1"/>
  <c r="B1399" i="1"/>
  <c r="B1400" i="1"/>
  <c r="B1401" i="1"/>
  <c r="B1402" i="1"/>
  <c r="B1403" i="1"/>
  <c r="B1404" i="1"/>
  <c r="B1405" i="1"/>
  <c r="B1406" i="1"/>
  <c r="B1407" i="1"/>
  <c r="B1408" i="1"/>
  <c r="B1409" i="1"/>
  <c r="B1410" i="1"/>
  <c r="B1411" i="1"/>
  <c r="B1412" i="1"/>
  <c r="B1413" i="1"/>
  <c r="B1414" i="1"/>
  <c r="B1415" i="1"/>
  <c r="B1416" i="1"/>
  <c r="B1417" i="1"/>
  <c r="B1418" i="1"/>
  <c r="B1419" i="1"/>
  <c r="B1420" i="1"/>
  <c r="B1421" i="1"/>
  <c r="B1422" i="1"/>
  <c r="B1423" i="1"/>
  <c r="B1424" i="1"/>
  <c r="B1425" i="1"/>
  <c r="B1426" i="1"/>
  <c r="B1427" i="1"/>
  <c r="B1428" i="1"/>
  <c r="B1429" i="1"/>
  <c r="B1430" i="1"/>
  <c r="B1431" i="1"/>
  <c r="B1432" i="1"/>
  <c r="B1433" i="1"/>
  <c r="B1434" i="1"/>
  <c r="B1435" i="1"/>
  <c r="B1436" i="1"/>
  <c r="B1437" i="1"/>
  <c r="B1438" i="1"/>
  <c r="B1439" i="1"/>
  <c r="B1440" i="1"/>
  <c r="B1441" i="1"/>
  <c r="B1442" i="1"/>
  <c r="B37" i="1"/>
  <c r="B38" i="1"/>
  <c r="B39" i="1"/>
  <c r="B40" i="1"/>
  <c r="B41" i="1"/>
  <c r="B42" i="1"/>
  <c r="B43" i="1"/>
  <c r="B44" i="1"/>
  <c r="B45" i="1"/>
  <c r="B46" i="1"/>
  <c r="B47" i="1"/>
  <c r="B48" i="1"/>
  <c r="B49" i="1"/>
  <c r="B50" i="1"/>
  <c r="B51" i="1"/>
  <c r="B52" i="1"/>
  <c r="B53" i="1"/>
  <c r="B54" i="1"/>
  <c r="B55" i="1"/>
  <c r="B56" i="1"/>
  <c r="B57" i="1"/>
  <c r="B58" i="1"/>
  <c r="B59" i="1"/>
  <c r="B60" i="1"/>
  <c r="B61" i="1"/>
  <c r="B62" i="1"/>
  <c r="B63" i="1"/>
  <c r="B64" i="1"/>
  <c r="B65" i="1"/>
  <c r="B66" i="1"/>
  <c r="B67" i="1"/>
  <c r="B68" i="1"/>
  <c r="B69" i="1"/>
  <c r="B70" i="1"/>
  <c r="B71" i="1"/>
  <c r="B72" i="1"/>
  <c r="B73" i="1"/>
  <c r="B74" i="1"/>
  <c r="B75" i="1"/>
  <c r="B76" i="1"/>
  <c r="B77" i="1"/>
  <c r="B78" i="1"/>
  <c r="B79" i="1"/>
  <c r="B80" i="1"/>
  <c r="B81" i="1"/>
  <c r="B82" i="1"/>
  <c r="B83" i="1"/>
  <c r="B84" i="1"/>
  <c r="B85" i="1"/>
  <c r="B86" i="1"/>
  <c r="B87" i="1"/>
  <c r="B88" i="1"/>
  <c r="B89" i="1"/>
  <c r="B90" i="1"/>
  <c r="B91" i="1"/>
  <c r="B92" i="1"/>
  <c r="B93" i="1"/>
  <c r="B94" i="1"/>
  <c r="B95" i="1"/>
  <c r="B96" i="1"/>
  <c r="B97" i="1"/>
  <c r="B98" i="1"/>
  <c r="B99" i="1"/>
  <c r="B100" i="1"/>
  <c r="B101" i="1"/>
  <c r="B102" i="1"/>
  <c r="B103" i="1"/>
  <c r="B104" i="1"/>
  <c r="B105" i="1"/>
  <c r="B106" i="1"/>
  <c r="B107" i="1"/>
  <c r="B108" i="1"/>
  <c r="B109" i="1"/>
  <c r="B110" i="1"/>
  <c r="B111" i="1"/>
  <c r="B112" i="1"/>
  <c r="B113" i="1"/>
  <c r="B114" i="1"/>
  <c r="B115" i="1"/>
  <c r="B116" i="1"/>
  <c r="B117" i="1"/>
  <c r="B118" i="1"/>
  <c r="B119" i="1"/>
  <c r="B120" i="1"/>
  <c r="B121" i="1"/>
  <c r="B122" i="1"/>
  <c r="B123" i="1"/>
  <c r="B124" i="1"/>
  <c r="B125" i="1"/>
  <c r="B126" i="1"/>
  <c r="B127" i="1"/>
  <c r="B128" i="1"/>
  <c r="B129" i="1"/>
  <c r="B130" i="1"/>
  <c r="B131" i="1"/>
  <c r="B132" i="1"/>
  <c r="B133" i="1"/>
  <c r="B134" i="1"/>
  <c r="B135" i="1"/>
  <c r="B136" i="1"/>
  <c r="B137" i="1"/>
  <c r="B138" i="1"/>
  <c r="B139" i="1"/>
  <c r="B140" i="1"/>
  <c r="B141" i="1"/>
  <c r="B142" i="1"/>
  <c r="B143" i="1"/>
  <c r="B144" i="1"/>
  <c r="B145" i="1"/>
  <c r="B146" i="1"/>
  <c r="B147" i="1"/>
  <c r="B148" i="1"/>
  <c r="B149" i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B176" i="1"/>
  <c r="B177" i="1"/>
  <c r="B178" i="1"/>
  <c r="B179" i="1"/>
  <c r="B180" i="1"/>
  <c r="B181" i="1"/>
  <c r="B182" i="1"/>
  <c r="B183" i="1"/>
  <c r="B184" i="1"/>
  <c r="B185" i="1"/>
  <c r="B186" i="1"/>
  <c r="B187" i="1"/>
  <c r="B188" i="1"/>
  <c r="B189" i="1"/>
  <c r="B190" i="1"/>
  <c r="B191" i="1"/>
  <c r="B192" i="1"/>
  <c r="B193" i="1"/>
  <c r="B194" i="1"/>
  <c r="B195" i="1"/>
  <c r="B196" i="1"/>
  <c r="B197" i="1"/>
  <c r="B198" i="1"/>
  <c r="B199" i="1"/>
  <c r="B200" i="1"/>
  <c r="B201" i="1"/>
  <c r="B202" i="1"/>
  <c r="B203" i="1"/>
  <c r="B204" i="1"/>
  <c r="B205" i="1"/>
  <c r="B206" i="1"/>
  <c r="B207" i="1"/>
  <c r="B208" i="1"/>
  <c r="B209" i="1"/>
  <c r="B210" i="1"/>
  <c r="B211" i="1"/>
  <c r="B212" i="1"/>
  <c r="B213" i="1"/>
  <c r="B214" i="1"/>
  <c r="B215" i="1"/>
  <c r="B216" i="1"/>
  <c r="B217" i="1"/>
  <c r="B218" i="1"/>
  <c r="B219" i="1"/>
  <c r="B220" i="1"/>
  <c r="B221" i="1"/>
  <c r="B222" i="1"/>
  <c r="B223" i="1"/>
  <c r="B224" i="1"/>
  <c r="B225" i="1"/>
  <c r="B226" i="1"/>
  <c r="B227" i="1"/>
  <c r="B228" i="1"/>
  <c r="B229" i="1"/>
  <c r="B230" i="1"/>
  <c r="B231" i="1"/>
  <c r="B232" i="1"/>
  <c r="B233" i="1"/>
  <c r="B234" i="1"/>
  <c r="B235" i="1"/>
  <c r="B236" i="1"/>
  <c r="B237" i="1"/>
  <c r="B238" i="1"/>
  <c r="B239" i="1"/>
  <c r="B240" i="1"/>
  <c r="B241" i="1"/>
  <c r="B242" i="1"/>
  <c r="B243" i="1"/>
  <c r="B244" i="1"/>
  <c r="B245" i="1"/>
  <c r="B246" i="1"/>
  <c r="B247" i="1"/>
  <c r="B248" i="1"/>
  <c r="B249" i="1"/>
  <c r="B250" i="1"/>
  <c r="B251" i="1"/>
  <c r="B252" i="1"/>
  <c r="B253" i="1"/>
  <c r="B254" i="1"/>
  <c r="B255" i="1"/>
  <c r="B256" i="1"/>
  <c r="B257" i="1"/>
  <c r="B258" i="1"/>
  <c r="B259" i="1"/>
  <c r="B260" i="1"/>
  <c r="B261" i="1"/>
  <c r="B262" i="1"/>
  <c r="B263" i="1"/>
  <c r="B264" i="1"/>
  <c r="B265" i="1"/>
  <c r="B266" i="1"/>
  <c r="B267" i="1"/>
  <c r="B268" i="1"/>
  <c r="B269" i="1"/>
  <c r="B270" i="1"/>
  <c r="B271" i="1"/>
  <c r="B272" i="1"/>
  <c r="B273" i="1"/>
  <c r="B274" i="1"/>
  <c r="B275" i="1"/>
  <c r="B276" i="1"/>
  <c r="B277" i="1"/>
  <c r="B278" i="1"/>
  <c r="B279" i="1"/>
  <c r="B280" i="1"/>
  <c r="B281" i="1"/>
  <c r="B282" i="1"/>
  <c r="B283" i="1"/>
  <c r="B284" i="1"/>
  <c r="B285" i="1"/>
  <c r="B286" i="1"/>
  <c r="B287" i="1"/>
  <c r="B288" i="1"/>
  <c r="B289" i="1"/>
  <c r="B290" i="1"/>
  <c r="B291" i="1"/>
  <c r="B292" i="1"/>
  <c r="B293" i="1"/>
  <c r="B294" i="1"/>
  <c r="B295" i="1"/>
  <c r="B296" i="1"/>
  <c r="B297" i="1"/>
  <c r="B298" i="1"/>
  <c r="B299" i="1"/>
  <c r="B300" i="1"/>
  <c r="B301" i="1"/>
  <c r="B302" i="1"/>
  <c r="B303" i="1"/>
  <c r="B304" i="1"/>
  <c r="B305" i="1"/>
  <c r="B306" i="1"/>
  <c r="B307" i="1"/>
  <c r="B308" i="1"/>
  <c r="B309" i="1"/>
  <c r="B310" i="1"/>
  <c r="B311" i="1"/>
  <c r="B312" i="1"/>
  <c r="B313" i="1"/>
  <c r="B314" i="1"/>
  <c r="B315" i="1"/>
  <c r="B316" i="1"/>
  <c r="B317" i="1"/>
  <c r="B318" i="1"/>
  <c r="B319" i="1"/>
  <c r="B320" i="1"/>
  <c r="B321" i="1"/>
  <c r="B322" i="1"/>
  <c r="B323" i="1"/>
  <c r="B324" i="1"/>
  <c r="B325" i="1"/>
  <c r="B326" i="1"/>
  <c r="B327" i="1"/>
  <c r="B328" i="1"/>
  <c r="B329" i="1"/>
  <c r="B330" i="1"/>
  <c r="B331" i="1"/>
  <c r="B332" i="1"/>
  <c r="B333" i="1"/>
  <c r="B334" i="1"/>
  <c r="B335" i="1"/>
  <c r="B336" i="1"/>
  <c r="B337" i="1"/>
  <c r="B338" i="1"/>
  <c r="B339" i="1"/>
  <c r="B340" i="1"/>
  <c r="B341" i="1"/>
  <c r="B342" i="1"/>
  <c r="B343" i="1"/>
  <c r="B344" i="1"/>
  <c r="B345" i="1"/>
  <c r="B346" i="1"/>
  <c r="B347" i="1"/>
  <c r="B348" i="1"/>
  <c r="B349" i="1"/>
  <c r="B350" i="1"/>
  <c r="B351" i="1"/>
  <c r="B352" i="1"/>
  <c r="B353" i="1"/>
  <c r="B354" i="1"/>
  <c r="B355" i="1"/>
  <c r="B356" i="1"/>
  <c r="B357" i="1"/>
  <c r="B358" i="1"/>
  <c r="B359" i="1"/>
  <c r="B360" i="1"/>
  <c r="B361" i="1"/>
  <c r="B362" i="1"/>
  <c r="B363" i="1"/>
  <c r="B364" i="1"/>
  <c r="B365" i="1"/>
  <c r="B366" i="1"/>
  <c r="B367" i="1"/>
  <c r="B368" i="1"/>
  <c r="B369" i="1"/>
  <c r="B370" i="1"/>
  <c r="B371" i="1"/>
  <c r="B372" i="1"/>
  <c r="B373" i="1"/>
  <c r="B374" i="1"/>
  <c r="B375" i="1"/>
  <c r="B376" i="1"/>
  <c r="B377" i="1"/>
  <c r="B378" i="1"/>
  <c r="B379" i="1"/>
  <c r="B380" i="1"/>
  <c r="B381" i="1"/>
  <c r="B382" i="1"/>
  <c r="B383" i="1"/>
  <c r="B384" i="1"/>
  <c r="B385" i="1"/>
  <c r="B386" i="1"/>
  <c r="B387" i="1"/>
  <c r="B388" i="1"/>
  <c r="B389" i="1"/>
  <c r="B390" i="1"/>
  <c r="B391" i="1"/>
  <c r="B392" i="1"/>
  <c r="B393" i="1"/>
  <c r="B394" i="1"/>
  <c r="B395" i="1"/>
  <c r="B396" i="1"/>
  <c r="B397" i="1"/>
  <c r="B398" i="1"/>
  <c r="B399" i="1"/>
  <c r="B400" i="1"/>
  <c r="B401" i="1"/>
  <c r="B402" i="1"/>
  <c r="B403" i="1"/>
  <c r="B404" i="1"/>
  <c r="B405" i="1"/>
  <c r="B406" i="1"/>
  <c r="B407" i="1"/>
  <c r="B408" i="1"/>
  <c r="B409" i="1"/>
  <c r="B410" i="1"/>
  <c r="B411" i="1"/>
  <c r="B412" i="1"/>
  <c r="B413" i="1"/>
  <c r="B414" i="1"/>
  <c r="B415" i="1"/>
  <c r="B416" i="1"/>
  <c r="B417" i="1"/>
  <c r="B418" i="1"/>
  <c r="B419" i="1"/>
  <c r="B420" i="1"/>
  <c r="B421" i="1"/>
  <c r="B422" i="1"/>
  <c r="B423" i="1"/>
  <c r="B424" i="1"/>
  <c r="B425" i="1"/>
  <c r="B426" i="1"/>
  <c r="B427" i="1"/>
  <c r="B428" i="1"/>
  <c r="B429" i="1"/>
  <c r="B430" i="1"/>
  <c r="B431" i="1"/>
  <c r="B432" i="1"/>
  <c r="B433" i="1"/>
  <c r="B434" i="1"/>
  <c r="B435" i="1"/>
  <c r="B436" i="1"/>
  <c r="B437" i="1"/>
  <c r="B438" i="1"/>
  <c r="B439" i="1"/>
  <c r="B440" i="1"/>
  <c r="B441" i="1"/>
  <c r="B442" i="1"/>
  <c r="B443" i="1"/>
  <c r="B444" i="1"/>
  <c r="B445" i="1"/>
  <c r="B446" i="1"/>
  <c r="B447" i="1"/>
  <c r="B448" i="1"/>
  <c r="B449" i="1"/>
  <c r="B450" i="1"/>
  <c r="B451" i="1"/>
  <c r="B452" i="1"/>
  <c r="B453" i="1"/>
  <c r="B454" i="1"/>
  <c r="B455" i="1"/>
  <c r="B456" i="1"/>
  <c r="B457" i="1"/>
  <c r="B458" i="1"/>
  <c r="B459" i="1"/>
  <c r="B460" i="1"/>
  <c r="B461" i="1"/>
  <c r="B462" i="1"/>
  <c r="B463" i="1"/>
  <c r="B464" i="1"/>
  <c r="B465" i="1"/>
  <c r="B466" i="1"/>
  <c r="B467" i="1"/>
  <c r="B468" i="1"/>
  <c r="B469" i="1"/>
  <c r="B470" i="1"/>
  <c r="B471" i="1"/>
  <c r="B472" i="1"/>
  <c r="B473" i="1"/>
  <c r="B474" i="1"/>
  <c r="B475" i="1"/>
  <c r="B476" i="1"/>
  <c r="B477" i="1"/>
  <c r="B478" i="1"/>
  <c r="B479" i="1"/>
  <c r="B480" i="1"/>
  <c r="B481" i="1"/>
  <c r="B482" i="1"/>
  <c r="B483" i="1"/>
  <c r="B484" i="1"/>
  <c r="B485" i="1"/>
  <c r="B486" i="1"/>
  <c r="B487" i="1"/>
  <c r="B488" i="1"/>
  <c r="B489" i="1"/>
  <c r="B490" i="1"/>
  <c r="B491" i="1"/>
  <c r="B492" i="1"/>
  <c r="B493" i="1"/>
  <c r="B494" i="1"/>
  <c r="B495" i="1"/>
  <c r="B496" i="1"/>
  <c r="B497" i="1"/>
  <c r="B498" i="1"/>
  <c r="B499" i="1"/>
  <c r="B500" i="1"/>
  <c r="B501" i="1"/>
  <c r="B502" i="1"/>
  <c r="B503" i="1"/>
  <c r="B504" i="1"/>
  <c r="B505" i="1"/>
  <c r="B506" i="1"/>
  <c r="B507" i="1"/>
  <c r="B508" i="1"/>
  <c r="B509" i="1"/>
  <c r="B510" i="1"/>
  <c r="B511" i="1"/>
  <c r="B512" i="1"/>
  <c r="B513" i="1"/>
  <c r="B514" i="1"/>
  <c r="B515" i="1"/>
  <c r="B516" i="1"/>
  <c r="B517" i="1"/>
  <c r="B518" i="1"/>
  <c r="B519" i="1"/>
  <c r="B520" i="1"/>
  <c r="B521" i="1"/>
  <c r="B522" i="1"/>
  <c r="B523" i="1"/>
  <c r="B524" i="1"/>
  <c r="B525" i="1"/>
  <c r="B526" i="1"/>
  <c r="B527" i="1"/>
  <c r="B528" i="1"/>
  <c r="B529" i="1"/>
  <c r="B530" i="1"/>
  <c r="B531" i="1"/>
  <c r="B532" i="1"/>
  <c r="B533" i="1"/>
  <c r="B534" i="1"/>
  <c r="B535" i="1"/>
  <c r="B536" i="1"/>
  <c r="B537" i="1"/>
  <c r="B538" i="1"/>
  <c r="B539" i="1"/>
  <c r="B540" i="1"/>
  <c r="B541" i="1"/>
  <c r="B542" i="1"/>
  <c r="B543" i="1"/>
  <c r="B544" i="1"/>
  <c r="B545" i="1"/>
  <c r="B546" i="1"/>
  <c r="B547" i="1"/>
  <c r="B548" i="1"/>
  <c r="B549" i="1"/>
  <c r="B550" i="1"/>
  <c r="B551" i="1"/>
  <c r="B552" i="1"/>
  <c r="B553" i="1"/>
  <c r="B554" i="1"/>
  <c r="B555" i="1"/>
  <c r="B556" i="1"/>
  <c r="B557" i="1"/>
  <c r="B558" i="1"/>
  <c r="B559" i="1"/>
  <c r="B560" i="1"/>
  <c r="B561" i="1"/>
  <c r="B3" i="1"/>
  <c r="B4" i="1"/>
  <c r="B5" i="1"/>
  <c r="B6" i="1"/>
  <c r="B7" i="1"/>
  <c r="B8" i="1"/>
  <c r="B9" i="1"/>
  <c r="B10" i="1"/>
  <c r="B11" i="1"/>
  <c r="B12" i="1"/>
  <c r="B13" i="1"/>
  <c r="B14" i="1"/>
  <c r="B15" i="1"/>
  <c r="B16" i="1"/>
  <c r="B17" i="1"/>
  <c r="B18" i="1"/>
  <c r="B19" i="1"/>
  <c r="B20" i="1"/>
  <c r="B21" i="1"/>
  <c r="B22" i="1"/>
  <c r="B23" i="1"/>
  <c r="B24" i="1"/>
  <c r="B25" i="1"/>
  <c r="B26" i="1"/>
  <c r="B27" i="1"/>
  <c r="B28" i="1"/>
  <c r="B29" i="1"/>
  <c r="B30" i="1"/>
  <c r="B31" i="1"/>
  <c r="B32" i="1"/>
  <c r="B33" i="1"/>
  <c r="B34" i="1"/>
  <c r="B35" i="1"/>
  <c r="B36" i="1"/>
  <c r="B2" i="1"/>
</calcChain>
</file>

<file path=xl/sharedStrings.xml><?xml version="1.0" encoding="utf-8"?>
<sst xmlns="http://schemas.openxmlformats.org/spreadsheetml/2006/main" count="20" uniqueCount="20">
  <si>
    <t>Time</t>
  </si>
  <si>
    <t>PV-Data</t>
  </si>
  <si>
    <t>Load-Data</t>
  </si>
  <si>
    <t>05:000.11</t>
  </si>
  <si>
    <t>06:00532.81</t>
  </si>
  <si>
    <t>07:001307.5</t>
  </si>
  <si>
    <t>08:001189.08</t>
  </si>
  <si>
    <t>09:002914.4</t>
  </si>
  <si>
    <t>10:003844.37</t>
  </si>
  <si>
    <t>11:001577.99</t>
  </si>
  <si>
    <t>12:001051.57</t>
  </si>
  <si>
    <t>13:001080.04</t>
  </si>
  <si>
    <t>14:00514.79</t>
  </si>
  <si>
    <t>15:00960.35</t>
  </si>
  <si>
    <t>16:00658.76</t>
  </si>
  <si>
    <t>17:00344.46</t>
  </si>
  <si>
    <t>18:000.13</t>
  </si>
  <si>
    <t>19:000.12</t>
  </si>
  <si>
    <t>A/3600</t>
  </si>
  <si>
    <t>Temp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15" fontId="0" fillId="0" borderId="0" xfId="0" applyNumberFormat="1"/>
    <xf numFmtId="2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442"/>
  <sheetViews>
    <sheetView tabSelected="1" workbookViewId="0">
      <selection activeCell="G2" sqref="G2"/>
    </sheetView>
  </sheetViews>
  <sheetFormatPr defaultRowHeight="15" x14ac:dyDescent="0.25"/>
  <cols>
    <col min="10" max="10" width="9.42578125" bestFit="1" customWidth="1"/>
  </cols>
  <sheetData>
    <row r="1" spans="1:10" x14ac:dyDescent="0.25">
      <c r="A1" t="s">
        <v>0</v>
      </c>
      <c r="B1" t="s">
        <v>18</v>
      </c>
      <c r="C1" t="s">
        <v>1</v>
      </c>
      <c r="D1" t="s">
        <v>19</v>
      </c>
      <c r="E1" t="s">
        <v>2</v>
      </c>
    </row>
    <row r="2" spans="1:10" x14ac:dyDescent="0.25">
      <c r="A2">
        <v>0</v>
      </c>
      <c r="B2">
        <f>A2/3600</f>
        <v>0</v>
      </c>
      <c r="C2">
        <v>0</v>
      </c>
      <c r="D2">
        <v>15.4</v>
      </c>
      <c r="E2">
        <v>1086.95652173913</v>
      </c>
    </row>
    <row r="3" spans="1:10" x14ac:dyDescent="0.25">
      <c r="A3">
        <v>60</v>
      </c>
      <c r="B3">
        <f t="shared" ref="B3:B66" si="0">A3/3600</f>
        <v>1.6666666666666666E-2</v>
      </c>
      <c r="C3">
        <v>0</v>
      </c>
      <c r="D3">
        <v>15.4</v>
      </c>
      <c r="E3">
        <v>1079.7101449275401</v>
      </c>
    </row>
    <row r="4" spans="1:10" x14ac:dyDescent="0.25">
      <c r="A4">
        <v>120</v>
      </c>
      <c r="B4">
        <f t="shared" si="0"/>
        <v>3.3333333333333333E-2</v>
      </c>
      <c r="C4">
        <v>0</v>
      </c>
      <c r="D4">
        <v>15.4</v>
      </c>
      <c r="E4">
        <v>1072.46376811594</v>
      </c>
    </row>
    <row r="5" spans="1:10" x14ac:dyDescent="0.25">
      <c r="A5">
        <v>180</v>
      </c>
      <c r="B5">
        <f t="shared" si="0"/>
        <v>0.05</v>
      </c>
      <c r="C5">
        <v>0</v>
      </c>
      <c r="D5">
        <v>15.5</v>
      </c>
      <c r="E5">
        <v>1065.21739130435</v>
      </c>
    </row>
    <row r="6" spans="1:10" x14ac:dyDescent="0.25">
      <c r="A6">
        <v>240</v>
      </c>
      <c r="B6">
        <f t="shared" si="0"/>
        <v>6.6666666666666666E-2</v>
      </c>
      <c r="C6">
        <v>0</v>
      </c>
      <c r="D6">
        <v>15.5</v>
      </c>
      <c r="E6">
        <v>1057.9710144927501</v>
      </c>
    </row>
    <row r="7" spans="1:10" x14ac:dyDescent="0.25">
      <c r="A7">
        <v>300</v>
      </c>
      <c r="B7">
        <f t="shared" si="0"/>
        <v>8.3333333333333329E-2</v>
      </c>
      <c r="C7">
        <v>0</v>
      </c>
      <c r="D7">
        <v>15.5</v>
      </c>
      <c r="E7">
        <v>1050.7246376811599</v>
      </c>
      <c r="J7" s="1"/>
    </row>
    <row r="8" spans="1:10" x14ac:dyDescent="0.25">
      <c r="A8">
        <v>360</v>
      </c>
      <c r="B8">
        <f t="shared" si="0"/>
        <v>0.1</v>
      </c>
      <c r="C8">
        <v>0</v>
      </c>
      <c r="D8">
        <v>15.5</v>
      </c>
      <c r="E8">
        <v>1043.47826086957</v>
      </c>
    </row>
    <row r="9" spans="1:10" x14ac:dyDescent="0.25">
      <c r="A9">
        <v>420</v>
      </c>
      <c r="B9">
        <f t="shared" si="0"/>
        <v>0.11666666666666667</v>
      </c>
      <c r="C9">
        <v>0</v>
      </c>
      <c r="D9">
        <v>15.5</v>
      </c>
      <c r="E9">
        <v>1036.2318840579701</v>
      </c>
    </row>
    <row r="10" spans="1:10" x14ac:dyDescent="0.25">
      <c r="A10">
        <v>480</v>
      </c>
      <c r="B10">
        <f t="shared" si="0"/>
        <v>0.13333333333333333</v>
      </c>
      <c r="C10">
        <v>0</v>
      </c>
      <c r="D10">
        <v>15.5</v>
      </c>
      <c r="E10">
        <v>1028.9855072463799</v>
      </c>
    </row>
    <row r="11" spans="1:10" x14ac:dyDescent="0.25">
      <c r="A11">
        <v>540</v>
      </c>
      <c r="B11">
        <f t="shared" si="0"/>
        <v>0.15</v>
      </c>
      <c r="C11">
        <v>0</v>
      </c>
      <c r="D11">
        <v>15.5</v>
      </c>
      <c r="E11">
        <v>1021.73913043478</v>
      </c>
    </row>
    <row r="12" spans="1:10" x14ac:dyDescent="0.25">
      <c r="A12">
        <v>600</v>
      </c>
      <c r="B12">
        <f t="shared" si="0"/>
        <v>0.16666666666666666</v>
      </c>
      <c r="C12">
        <v>0</v>
      </c>
      <c r="D12">
        <v>15.5</v>
      </c>
      <c r="E12">
        <v>1014.49275362319</v>
      </c>
    </row>
    <row r="13" spans="1:10" x14ac:dyDescent="0.25">
      <c r="A13">
        <v>660</v>
      </c>
      <c r="B13">
        <f t="shared" si="0"/>
        <v>0.18333333333333332</v>
      </c>
      <c r="C13">
        <v>0</v>
      </c>
      <c r="D13">
        <v>15.6</v>
      </c>
      <c r="E13">
        <v>1007.24637681159</v>
      </c>
    </row>
    <row r="14" spans="1:10" x14ac:dyDescent="0.25">
      <c r="A14">
        <v>720</v>
      </c>
      <c r="B14">
        <f t="shared" si="0"/>
        <v>0.2</v>
      </c>
      <c r="C14">
        <v>0</v>
      </c>
      <c r="D14">
        <v>15.6</v>
      </c>
      <c r="E14">
        <v>1000</v>
      </c>
    </row>
    <row r="15" spans="1:10" x14ac:dyDescent="0.25">
      <c r="A15">
        <v>780</v>
      </c>
      <c r="B15">
        <f t="shared" si="0"/>
        <v>0.21666666666666667</v>
      </c>
      <c r="C15">
        <v>0</v>
      </c>
      <c r="D15">
        <v>15.6</v>
      </c>
      <c r="E15">
        <v>992.75362318840598</v>
      </c>
    </row>
    <row r="16" spans="1:10" x14ac:dyDescent="0.25">
      <c r="A16">
        <v>840</v>
      </c>
      <c r="B16">
        <f t="shared" si="0"/>
        <v>0.23333333333333334</v>
      </c>
      <c r="C16">
        <v>0</v>
      </c>
      <c r="D16">
        <v>15.7</v>
      </c>
      <c r="E16">
        <v>985.50724637681196</v>
      </c>
    </row>
    <row r="17" spans="1:5" x14ac:dyDescent="0.25">
      <c r="A17">
        <v>900</v>
      </c>
      <c r="B17">
        <f t="shared" si="0"/>
        <v>0.25</v>
      </c>
      <c r="C17">
        <v>0</v>
      </c>
      <c r="D17">
        <v>15.7</v>
      </c>
      <c r="E17">
        <v>978.26086956521794</v>
      </c>
    </row>
    <row r="18" spans="1:5" x14ac:dyDescent="0.25">
      <c r="A18">
        <v>960</v>
      </c>
      <c r="B18">
        <f t="shared" si="0"/>
        <v>0.26666666666666666</v>
      </c>
      <c r="C18">
        <v>0</v>
      </c>
      <c r="D18">
        <v>15.7</v>
      </c>
      <c r="E18">
        <v>971.01449275362302</v>
      </c>
    </row>
    <row r="19" spans="1:5" x14ac:dyDescent="0.25">
      <c r="A19">
        <v>1020</v>
      </c>
      <c r="B19">
        <f t="shared" si="0"/>
        <v>0.28333333333333333</v>
      </c>
      <c r="C19">
        <v>0</v>
      </c>
      <c r="D19">
        <v>15.7</v>
      </c>
      <c r="E19">
        <v>963.768115942029</v>
      </c>
    </row>
    <row r="20" spans="1:5" x14ac:dyDescent="0.25">
      <c r="A20">
        <v>1080</v>
      </c>
      <c r="B20">
        <f t="shared" si="0"/>
        <v>0.3</v>
      </c>
      <c r="C20">
        <v>0</v>
      </c>
      <c r="D20">
        <v>15.7</v>
      </c>
      <c r="E20">
        <v>956.52173913043498</v>
      </c>
    </row>
    <row r="21" spans="1:5" x14ac:dyDescent="0.25">
      <c r="A21">
        <v>1140</v>
      </c>
      <c r="B21">
        <f t="shared" si="0"/>
        <v>0.31666666666666665</v>
      </c>
      <c r="C21">
        <v>0</v>
      </c>
      <c r="D21">
        <v>15.7</v>
      </c>
      <c r="E21">
        <v>949.27536231884096</v>
      </c>
    </row>
    <row r="22" spans="1:5" x14ac:dyDescent="0.25">
      <c r="A22">
        <v>1200</v>
      </c>
      <c r="B22">
        <f t="shared" si="0"/>
        <v>0.33333333333333331</v>
      </c>
      <c r="C22">
        <v>0</v>
      </c>
      <c r="D22">
        <v>15.7</v>
      </c>
      <c r="E22">
        <v>942.02898550724603</v>
      </c>
    </row>
    <row r="23" spans="1:5" x14ac:dyDescent="0.25">
      <c r="A23">
        <v>1260</v>
      </c>
      <c r="B23">
        <f t="shared" si="0"/>
        <v>0.35</v>
      </c>
      <c r="C23">
        <v>0</v>
      </c>
      <c r="D23">
        <v>15.7</v>
      </c>
      <c r="E23">
        <v>934.78260869565202</v>
      </c>
    </row>
    <row r="24" spans="1:5" x14ac:dyDescent="0.25">
      <c r="A24">
        <v>1320</v>
      </c>
      <c r="B24">
        <f t="shared" si="0"/>
        <v>0.36666666666666664</v>
      </c>
      <c r="C24">
        <v>0</v>
      </c>
      <c r="D24">
        <v>15.8</v>
      </c>
      <c r="E24">
        <v>927.536231884058</v>
      </c>
    </row>
    <row r="25" spans="1:5" x14ac:dyDescent="0.25">
      <c r="A25">
        <v>1380</v>
      </c>
      <c r="B25">
        <f t="shared" si="0"/>
        <v>0.38333333333333336</v>
      </c>
      <c r="C25">
        <v>0</v>
      </c>
      <c r="D25">
        <v>15.8</v>
      </c>
      <c r="E25">
        <v>920.28985507246398</v>
      </c>
    </row>
    <row r="26" spans="1:5" x14ac:dyDescent="0.25">
      <c r="A26">
        <v>1440</v>
      </c>
      <c r="B26">
        <f t="shared" si="0"/>
        <v>0.4</v>
      </c>
      <c r="C26">
        <v>0</v>
      </c>
      <c r="D26">
        <v>15.8</v>
      </c>
      <c r="E26">
        <v>913.04347826086996</v>
      </c>
    </row>
    <row r="27" spans="1:5" x14ac:dyDescent="0.25">
      <c r="A27">
        <v>1500</v>
      </c>
      <c r="B27">
        <f t="shared" si="0"/>
        <v>0.41666666666666669</v>
      </c>
      <c r="C27">
        <v>0</v>
      </c>
      <c r="D27">
        <v>15.8</v>
      </c>
      <c r="E27">
        <v>905.79710144927606</v>
      </c>
    </row>
    <row r="28" spans="1:5" x14ac:dyDescent="0.25">
      <c r="A28">
        <v>1560</v>
      </c>
      <c r="B28">
        <f t="shared" si="0"/>
        <v>0.43333333333333335</v>
      </c>
      <c r="C28">
        <v>0</v>
      </c>
      <c r="D28">
        <v>15.8</v>
      </c>
      <c r="E28">
        <v>898.55072463768101</v>
      </c>
    </row>
    <row r="29" spans="1:5" x14ac:dyDescent="0.25">
      <c r="A29">
        <v>1620</v>
      </c>
      <c r="B29">
        <f t="shared" si="0"/>
        <v>0.45</v>
      </c>
      <c r="C29">
        <v>0</v>
      </c>
      <c r="D29">
        <v>15.8</v>
      </c>
      <c r="E29">
        <v>891.304347826087</v>
      </c>
    </row>
    <row r="30" spans="1:5" x14ac:dyDescent="0.25">
      <c r="A30">
        <v>1680</v>
      </c>
      <c r="B30">
        <f t="shared" si="0"/>
        <v>0.46666666666666667</v>
      </c>
      <c r="C30">
        <v>0</v>
      </c>
      <c r="D30">
        <v>15.8</v>
      </c>
      <c r="E30">
        <v>884.05797101449298</v>
      </c>
    </row>
    <row r="31" spans="1:5" x14ac:dyDescent="0.25">
      <c r="A31">
        <v>1740</v>
      </c>
      <c r="B31">
        <f t="shared" si="0"/>
        <v>0.48333333333333334</v>
      </c>
      <c r="C31">
        <v>0</v>
      </c>
      <c r="D31">
        <v>15.8</v>
      </c>
      <c r="E31">
        <v>876.81159420289896</v>
      </c>
    </row>
    <row r="32" spans="1:5" x14ac:dyDescent="0.25">
      <c r="A32">
        <v>1800</v>
      </c>
      <c r="B32">
        <f t="shared" si="0"/>
        <v>0.5</v>
      </c>
      <c r="C32">
        <v>0</v>
      </c>
      <c r="D32">
        <v>15.8</v>
      </c>
      <c r="E32">
        <v>869.56521739130403</v>
      </c>
    </row>
    <row r="33" spans="1:5" x14ac:dyDescent="0.25">
      <c r="A33">
        <v>1860</v>
      </c>
      <c r="B33">
        <f t="shared" si="0"/>
        <v>0.51666666666666672</v>
      </c>
      <c r="C33">
        <v>0</v>
      </c>
      <c r="D33">
        <v>15.7</v>
      </c>
      <c r="E33">
        <v>862.31884057971001</v>
      </c>
    </row>
    <row r="34" spans="1:5" x14ac:dyDescent="0.25">
      <c r="A34">
        <v>1920</v>
      </c>
      <c r="B34">
        <f t="shared" si="0"/>
        <v>0.53333333333333333</v>
      </c>
      <c r="C34">
        <v>0</v>
      </c>
      <c r="D34">
        <v>15.7</v>
      </c>
      <c r="E34">
        <v>855.07246376811599</v>
      </c>
    </row>
    <row r="35" spans="1:5" x14ac:dyDescent="0.25">
      <c r="A35">
        <v>1980</v>
      </c>
      <c r="B35">
        <f t="shared" si="0"/>
        <v>0.55000000000000004</v>
      </c>
      <c r="C35">
        <v>0</v>
      </c>
      <c r="D35">
        <v>15.7</v>
      </c>
      <c r="E35">
        <v>847.82608695652198</v>
      </c>
    </row>
    <row r="36" spans="1:5" x14ac:dyDescent="0.25">
      <c r="A36">
        <v>2040</v>
      </c>
      <c r="B36">
        <f t="shared" si="0"/>
        <v>0.56666666666666665</v>
      </c>
      <c r="C36">
        <v>0</v>
      </c>
      <c r="D36">
        <v>15.7</v>
      </c>
      <c r="E36">
        <v>840.57971014492796</v>
      </c>
    </row>
    <row r="37" spans="1:5" x14ac:dyDescent="0.25">
      <c r="A37">
        <v>2100</v>
      </c>
      <c r="B37">
        <f t="shared" si="0"/>
        <v>0.58333333333333337</v>
      </c>
      <c r="C37">
        <v>0</v>
      </c>
      <c r="D37">
        <v>15.7</v>
      </c>
      <c r="E37">
        <v>833.33333333333303</v>
      </c>
    </row>
    <row r="38" spans="1:5" x14ac:dyDescent="0.25">
      <c r="A38">
        <v>2160</v>
      </c>
      <c r="B38">
        <f t="shared" si="0"/>
        <v>0.6</v>
      </c>
      <c r="C38">
        <v>0</v>
      </c>
      <c r="D38">
        <v>15.7</v>
      </c>
      <c r="E38">
        <v>826.08695652173901</v>
      </c>
    </row>
    <row r="39" spans="1:5" x14ac:dyDescent="0.25">
      <c r="A39">
        <v>2220</v>
      </c>
      <c r="B39">
        <f t="shared" si="0"/>
        <v>0.6166666666666667</v>
      </c>
      <c r="C39">
        <v>0</v>
      </c>
      <c r="D39">
        <v>15.7</v>
      </c>
      <c r="E39">
        <v>818.84057971014499</v>
      </c>
    </row>
    <row r="40" spans="1:5" x14ac:dyDescent="0.25">
      <c r="A40">
        <v>2280</v>
      </c>
      <c r="B40">
        <f t="shared" si="0"/>
        <v>0.6333333333333333</v>
      </c>
      <c r="C40">
        <v>0</v>
      </c>
      <c r="D40">
        <v>15.7</v>
      </c>
      <c r="E40">
        <v>811.59420289855098</v>
      </c>
    </row>
    <row r="41" spans="1:5" x14ac:dyDescent="0.25">
      <c r="A41">
        <v>2340</v>
      </c>
      <c r="B41">
        <f t="shared" si="0"/>
        <v>0.65</v>
      </c>
      <c r="C41">
        <v>0</v>
      </c>
      <c r="D41">
        <v>15.7</v>
      </c>
      <c r="E41">
        <v>804.34782608695696</v>
      </c>
    </row>
    <row r="42" spans="1:5" x14ac:dyDescent="0.25">
      <c r="A42">
        <v>2400</v>
      </c>
      <c r="B42">
        <f t="shared" si="0"/>
        <v>0.66666666666666663</v>
      </c>
      <c r="C42">
        <v>0</v>
      </c>
      <c r="D42">
        <v>15.7</v>
      </c>
      <c r="E42">
        <v>797.10144927536203</v>
      </c>
    </row>
    <row r="43" spans="1:5" x14ac:dyDescent="0.25">
      <c r="A43">
        <v>2460</v>
      </c>
      <c r="B43">
        <f t="shared" si="0"/>
        <v>0.68333333333333335</v>
      </c>
      <c r="C43">
        <v>0</v>
      </c>
      <c r="D43">
        <v>15.7</v>
      </c>
      <c r="E43">
        <v>789.85507246376801</v>
      </c>
    </row>
    <row r="44" spans="1:5" x14ac:dyDescent="0.25">
      <c r="A44">
        <v>2520</v>
      </c>
      <c r="B44">
        <f t="shared" si="0"/>
        <v>0.7</v>
      </c>
      <c r="C44">
        <v>0</v>
      </c>
      <c r="D44">
        <v>15.7</v>
      </c>
      <c r="E44">
        <v>782.60869565217399</v>
      </c>
    </row>
    <row r="45" spans="1:5" x14ac:dyDescent="0.25">
      <c r="A45">
        <v>2580</v>
      </c>
      <c r="B45">
        <f t="shared" si="0"/>
        <v>0.71666666666666667</v>
      </c>
      <c r="C45">
        <v>0</v>
      </c>
      <c r="D45">
        <v>15.7</v>
      </c>
      <c r="E45">
        <v>775.36231884057997</v>
      </c>
    </row>
    <row r="46" spans="1:5" x14ac:dyDescent="0.25">
      <c r="A46">
        <v>2640</v>
      </c>
      <c r="B46">
        <f t="shared" si="0"/>
        <v>0.73333333333333328</v>
      </c>
      <c r="C46">
        <v>0</v>
      </c>
      <c r="D46">
        <v>15.7</v>
      </c>
      <c r="E46">
        <v>768.11594202898596</v>
      </c>
    </row>
    <row r="47" spans="1:5" x14ac:dyDescent="0.25">
      <c r="A47">
        <v>2700</v>
      </c>
      <c r="B47">
        <f t="shared" si="0"/>
        <v>0.75</v>
      </c>
      <c r="C47">
        <v>0</v>
      </c>
      <c r="D47">
        <v>15.7</v>
      </c>
      <c r="E47">
        <v>760.86956521739103</v>
      </c>
    </row>
    <row r="48" spans="1:5" x14ac:dyDescent="0.25">
      <c r="A48">
        <v>2760</v>
      </c>
      <c r="B48">
        <f t="shared" si="0"/>
        <v>0.76666666666666672</v>
      </c>
      <c r="C48">
        <v>0</v>
      </c>
      <c r="D48">
        <v>15.7</v>
      </c>
      <c r="E48">
        <v>753.62318840579701</v>
      </c>
    </row>
    <row r="49" spans="1:5" x14ac:dyDescent="0.25">
      <c r="A49">
        <v>2820</v>
      </c>
      <c r="B49">
        <f t="shared" si="0"/>
        <v>0.78333333333333333</v>
      </c>
      <c r="C49">
        <v>0</v>
      </c>
      <c r="D49">
        <v>15.7</v>
      </c>
      <c r="E49">
        <v>746.37681159420299</v>
      </c>
    </row>
    <row r="50" spans="1:5" x14ac:dyDescent="0.25">
      <c r="A50">
        <v>2880</v>
      </c>
      <c r="B50">
        <f t="shared" si="0"/>
        <v>0.8</v>
      </c>
      <c r="C50">
        <v>0</v>
      </c>
      <c r="D50">
        <v>15.7</v>
      </c>
      <c r="E50">
        <v>739.13043478260897</v>
      </c>
    </row>
    <row r="51" spans="1:5" x14ac:dyDescent="0.25">
      <c r="A51">
        <v>2940</v>
      </c>
      <c r="B51">
        <f t="shared" si="0"/>
        <v>0.81666666666666665</v>
      </c>
      <c r="C51">
        <v>0</v>
      </c>
      <c r="D51">
        <v>15.7</v>
      </c>
      <c r="E51">
        <v>731.88405797101495</v>
      </c>
    </row>
    <row r="52" spans="1:5" x14ac:dyDescent="0.25">
      <c r="A52">
        <v>3000</v>
      </c>
      <c r="B52">
        <f t="shared" si="0"/>
        <v>0.83333333333333337</v>
      </c>
      <c r="C52">
        <v>0</v>
      </c>
      <c r="D52">
        <v>15.7</v>
      </c>
      <c r="E52">
        <v>724.63768115942003</v>
      </c>
    </row>
    <row r="53" spans="1:5" x14ac:dyDescent="0.25">
      <c r="A53">
        <v>3060</v>
      </c>
      <c r="B53">
        <f t="shared" si="0"/>
        <v>0.85</v>
      </c>
      <c r="C53">
        <v>0</v>
      </c>
      <c r="D53">
        <v>15.7</v>
      </c>
      <c r="E53">
        <v>717.39130434782601</v>
      </c>
    </row>
    <row r="54" spans="1:5" x14ac:dyDescent="0.25">
      <c r="A54">
        <v>3120</v>
      </c>
      <c r="B54">
        <f t="shared" si="0"/>
        <v>0.8666666666666667</v>
      </c>
      <c r="C54">
        <v>0</v>
      </c>
      <c r="D54">
        <v>15.7</v>
      </c>
      <c r="E54">
        <v>710.14492753623199</v>
      </c>
    </row>
    <row r="55" spans="1:5" x14ac:dyDescent="0.25">
      <c r="A55">
        <v>3180</v>
      </c>
      <c r="B55">
        <f t="shared" si="0"/>
        <v>0.8833333333333333</v>
      </c>
      <c r="C55">
        <v>0</v>
      </c>
      <c r="D55">
        <v>15.8</v>
      </c>
      <c r="E55">
        <v>702.89855072463797</v>
      </c>
    </row>
    <row r="56" spans="1:5" x14ac:dyDescent="0.25">
      <c r="A56">
        <v>3240</v>
      </c>
      <c r="B56">
        <f t="shared" si="0"/>
        <v>0.9</v>
      </c>
      <c r="C56">
        <v>0</v>
      </c>
      <c r="D56">
        <v>15.8</v>
      </c>
      <c r="E56">
        <v>695.65217391304395</v>
      </c>
    </row>
    <row r="57" spans="1:5" x14ac:dyDescent="0.25">
      <c r="A57">
        <v>3300</v>
      </c>
      <c r="B57">
        <f t="shared" si="0"/>
        <v>0.91666666666666663</v>
      </c>
      <c r="C57">
        <v>0</v>
      </c>
      <c r="D57">
        <v>15.8</v>
      </c>
      <c r="E57">
        <v>688.40579710144902</v>
      </c>
    </row>
    <row r="58" spans="1:5" x14ac:dyDescent="0.25">
      <c r="A58">
        <v>3360</v>
      </c>
      <c r="B58">
        <f t="shared" si="0"/>
        <v>0.93333333333333335</v>
      </c>
      <c r="C58">
        <v>0</v>
      </c>
      <c r="D58">
        <v>15.7</v>
      </c>
      <c r="E58">
        <v>681.15942028985501</v>
      </c>
    </row>
    <row r="59" spans="1:5" x14ac:dyDescent="0.25">
      <c r="A59">
        <v>3420</v>
      </c>
      <c r="B59">
        <f t="shared" si="0"/>
        <v>0.95</v>
      </c>
      <c r="C59">
        <v>0</v>
      </c>
      <c r="D59">
        <v>15.7</v>
      </c>
      <c r="E59">
        <v>673.91304347826099</v>
      </c>
    </row>
    <row r="60" spans="1:5" x14ac:dyDescent="0.25">
      <c r="A60">
        <v>3480</v>
      </c>
      <c r="B60">
        <f t="shared" si="0"/>
        <v>0.96666666666666667</v>
      </c>
      <c r="C60">
        <v>0</v>
      </c>
      <c r="D60">
        <v>15.7</v>
      </c>
      <c r="E60">
        <v>666.66666666666697</v>
      </c>
    </row>
    <row r="61" spans="1:5" x14ac:dyDescent="0.25">
      <c r="A61">
        <v>3540</v>
      </c>
      <c r="B61">
        <f t="shared" si="0"/>
        <v>0.98333333333333328</v>
      </c>
      <c r="C61">
        <v>0</v>
      </c>
      <c r="D61">
        <v>15.7</v>
      </c>
      <c r="E61">
        <v>659.42028985507204</v>
      </c>
    </row>
    <row r="62" spans="1:5" x14ac:dyDescent="0.25">
      <c r="A62">
        <v>3600</v>
      </c>
      <c r="B62">
        <f t="shared" si="0"/>
        <v>1</v>
      </c>
      <c r="C62">
        <v>0</v>
      </c>
      <c r="D62">
        <v>15.7</v>
      </c>
      <c r="E62">
        <v>652.17391304347802</v>
      </c>
    </row>
    <row r="63" spans="1:5" x14ac:dyDescent="0.25">
      <c r="A63">
        <v>3660</v>
      </c>
      <c r="B63">
        <f t="shared" si="0"/>
        <v>1.0166666666666666</v>
      </c>
      <c r="C63">
        <v>0</v>
      </c>
      <c r="D63">
        <v>15.7</v>
      </c>
      <c r="E63">
        <v>646.73913043478296</v>
      </c>
    </row>
    <row r="64" spans="1:5" x14ac:dyDescent="0.25">
      <c r="A64">
        <v>3720</v>
      </c>
      <c r="B64">
        <f t="shared" si="0"/>
        <v>1.0333333333333334</v>
      </c>
      <c r="C64">
        <v>0</v>
      </c>
      <c r="D64">
        <v>15.7</v>
      </c>
      <c r="E64">
        <v>641.304347826087</v>
      </c>
    </row>
    <row r="65" spans="1:5" x14ac:dyDescent="0.25">
      <c r="A65">
        <v>3780</v>
      </c>
      <c r="B65">
        <f t="shared" si="0"/>
        <v>1.05</v>
      </c>
      <c r="C65">
        <v>0</v>
      </c>
      <c r="D65">
        <v>15.6</v>
      </c>
      <c r="E65">
        <v>635.86956521739103</v>
      </c>
    </row>
    <row r="66" spans="1:5" x14ac:dyDescent="0.25">
      <c r="A66">
        <v>3840</v>
      </c>
      <c r="B66">
        <f t="shared" si="0"/>
        <v>1.0666666666666667</v>
      </c>
      <c r="C66">
        <v>0</v>
      </c>
      <c r="D66">
        <v>15.6</v>
      </c>
      <c r="E66">
        <v>630.43478260869597</v>
      </c>
    </row>
    <row r="67" spans="1:5" x14ac:dyDescent="0.25">
      <c r="A67">
        <v>3900</v>
      </c>
      <c r="B67">
        <f t="shared" ref="B67:B130" si="1">A67/3600</f>
        <v>1.0833333333333333</v>
      </c>
      <c r="C67">
        <v>0</v>
      </c>
      <c r="D67">
        <v>15.6</v>
      </c>
      <c r="E67">
        <v>625</v>
      </c>
    </row>
    <row r="68" spans="1:5" x14ac:dyDescent="0.25">
      <c r="A68">
        <v>3960</v>
      </c>
      <c r="B68">
        <f t="shared" si="1"/>
        <v>1.1000000000000001</v>
      </c>
      <c r="C68">
        <v>0</v>
      </c>
      <c r="D68">
        <v>15.6</v>
      </c>
      <c r="E68">
        <v>619.56521739130403</v>
      </c>
    </row>
    <row r="69" spans="1:5" x14ac:dyDescent="0.25">
      <c r="A69">
        <v>4020</v>
      </c>
      <c r="B69">
        <f t="shared" si="1"/>
        <v>1.1166666666666667</v>
      </c>
      <c r="C69">
        <v>0</v>
      </c>
      <c r="D69">
        <v>15.6</v>
      </c>
      <c r="E69">
        <v>614.13043478260897</v>
      </c>
    </row>
    <row r="70" spans="1:5" x14ac:dyDescent="0.25">
      <c r="A70">
        <v>4080</v>
      </c>
      <c r="B70">
        <f t="shared" si="1"/>
        <v>1.1333333333333333</v>
      </c>
      <c r="C70">
        <v>0</v>
      </c>
      <c r="D70">
        <v>15.6</v>
      </c>
      <c r="E70">
        <v>608.695652173913</v>
      </c>
    </row>
    <row r="71" spans="1:5" x14ac:dyDescent="0.25">
      <c r="A71">
        <v>4140</v>
      </c>
      <c r="B71">
        <f t="shared" si="1"/>
        <v>1.1499999999999999</v>
      </c>
      <c r="C71">
        <v>0</v>
      </c>
      <c r="D71">
        <v>15.6</v>
      </c>
      <c r="E71">
        <v>603.26086956521704</v>
      </c>
    </row>
    <row r="72" spans="1:5" x14ac:dyDescent="0.25">
      <c r="A72">
        <v>4200</v>
      </c>
      <c r="B72">
        <f t="shared" si="1"/>
        <v>1.1666666666666667</v>
      </c>
      <c r="C72">
        <v>0</v>
      </c>
      <c r="D72">
        <v>15.6</v>
      </c>
      <c r="E72">
        <v>597.82608695652198</v>
      </c>
    </row>
    <row r="73" spans="1:5" x14ac:dyDescent="0.25">
      <c r="A73">
        <v>4260</v>
      </c>
      <c r="B73">
        <f t="shared" si="1"/>
        <v>1.1833333333333333</v>
      </c>
      <c r="C73">
        <v>0</v>
      </c>
      <c r="D73">
        <v>15.6</v>
      </c>
      <c r="E73">
        <v>592.39130434782601</v>
      </c>
    </row>
    <row r="74" spans="1:5" x14ac:dyDescent="0.25">
      <c r="A74">
        <v>4320</v>
      </c>
      <c r="B74">
        <f t="shared" si="1"/>
        <v>1.2</v>
      </c>
      <c r="C74">
        <v>0</v>
      </c>
      <c r="D74">
        <v>15.6</v>
      </c>
      <c r="E74">
        <v>586.95652173913095</v>
      </c>
    </row>
    <row r="75" spans="1:5" x14ac:dyDescent="0.25">
      <c r="A75">
        <v>4380</v>
      </c>
      <c r="B75">
        <f t="shared" si="1"/>
        <v>1.2166666666666666</v>
      </c>
      <c r="C75">
        <v>0</v>
      </c>
      <c r="D75">
        <v>15.6</v>
      </c>
      <c r="E75">
        <v>581.52173913043498</v>
      </c>
    </row>
    <row r="76" spans="1:5" x14ac:dyDescent="0.25">
      <c r="A76">
        <v>4440</v>
      </c>
      <c r="B76">
        <f t="shared" si="1"/>
        <v>1.2333333333333334</v>
      </c>
      <c r="C76">
        <v>0</v>
      </c>
      <c r="D76">
        <v>15.6</v>
      </c>
      <c r="E76">
        <v>576.08695652173901</v>
      </c>
    </row>
    <row r="77" spans="1:5" x14ac:dyDescent="0.25">
      <c r="A77">
        <v>4500</v>
      </c>
      <c r="B77">
        <f t="shared" si="1"/>
        <v>1.25</v>
      </c>
      <c r="C77">
        <v>0</v>
      </c>
      <c r="D77">
        <v>15.6</v>
      </c>
      <c r="E77">
        <v>570.65217391304395</v>
      </c>
    </row>
    <row r="78" spans="1:5" x14ac:dyDescent="0.25">
      <c r="A78">
        <v>4560</v>
      </c>
      <c r="B78">
        <f t="shared" si="1"/>
        <v>1.2666666666666666</v>
      </c>
      <c r="C78">
        <v>0</v>
      </c>
      <c r="D78">
        <v>15.6</v>
      </c>
      <c r="E78">
        <v>565.21739130434798</v>
      </c>
    </row>
    <row r="79" spans="1:5" x14ac:dyDescent="0.25">
      <c r="A79">
        <v>4620</v>
      </c>
      <c r="B79">
        <f t="shared" si="1"/>
        <v>1.2833333333333334</v>
      </c>
      <c r="C79">
        <v>0</v>
      </c>
      <c r="D79">
        <v>15.5</v>
      </c>
      <c r="E79">
        <v>559.78260869565202</v>
      </c>
    </row>
    <row r="80" spans="1:5" x14ac:dyDescent="0.25">
      <c r="A80">
        <v>4680</v>
      </c>
      <c r="B80">
        <f t="shared" si="1"/>
        <v>1.3</v>
      </c>
      <c r="C80">
        <v>0</v>
      </c>
      <c r="D80">
        <v>15.5</v>
      </c>
      <c r="E80">
        <v>554.34782608695696</v>
      </c>
    </row>
    <row r="81" spans="1:5" x14ac:dyDescent="0.25">
      <c r="A81">
        <v>4740</v>
      </c>
      <c r="B81">
        <f t="shared" si="1"/>
        <v>1.3166666666666667</v>
      </c>
      <c r="C81">
        <v>0</v>
      </c>
      <c r="D81">
        <v>15.6</v>
      </c>
      <c r="E81">
        <v>548.91304347826099</v>
      </c>
    </row>
    <row r="82" spans="1:5" x14ac:dyDescent="0.25">
      <c r="A82">
        <v>4800</v>
      </c>
      <c r="B82">
        <f t="shared" si="1"/>
        <v>1.3333333333333333</v>
      </c>
      <c r="C82">
        <v>0</v>
      </c>
      <c r="D82">
        <v>15.5</v>
      </c>
      <c r="E82">
        <v>543.47826086956502</v>
      </c>
    </row>
    <row r="83" spans="1:5" x14ac:dyDescent="0.25">
      <c r="A83">
        <v>4860</v>
      </c>
      <c r="B83">
        <f t="shared" si="1"/>
        <v>1.35</v>
      </c>
      <c r="C83">
        <v>0</v>
      </c>
      <c r="D83">
        <v>15.5</v>
      </c>
      <c r="E83">
        <v>538.04347826086996</v>
      </c>
    </row>
    <row r="84" spans="1:5" x14ac:dyDescent="0.25">
      <c r="A84">
        <v>4920</v>
      </c>
      <c r="B84">
        <f t="shared" si="1"/>
        <v>1.3666666666666667</v>
      </c>
      <c r="C84">
        <v>0</v>
      </c>
      <c r="D84">
        <v>15.5</v>
      </c>
      <c r="E84">
        <v>532.60869565217399</v>
      </c>
    </row>
    <row r="85" spans="1:5" x14ac:dyDescent="0.25">
      <c r="A85">
        <v>4980</v>
      </c>
      <c r="B85">
        <f t="shared" si="1"/>
        <v>1.3833333333333333</v>
      </c>
      <c r="C85">
        <v>0</v>
      </c>
      <c r="D85">
        <v>15.5</v>
      </c>
      <c r="E85">
        <v>527.17391304347802</v>
      </c>
    </row>
    <row r="86" spans="1:5" x14ac:dyDescent="0.25">
      <c r="A86">
        <v>5040</v>
      </c>
      <c r="B86">
        <f t="shared" si="1"/>
        <v>1.4</v>
      </c>
      <c r="C86">
        <v>0</v>
      </c>
      <c r="D86">
        <v>15.5</v>
      </c>
      <c r="E86">
        <v>521.73913043478296</v>
      </c>
    </row>
    <row r="87" spans="1:5" x14ac:dyDescent="0.25">
      <c r="A87">
        <v>5100</v>
      </c>
      <c r="B87">
        <f t="shared" si="1"/>
        <v>1.4166666666666667</v>
      </c>
      <c r="C87">
        <v>0</v>
      </c>
      <c r="D87">
        <v>15.5</v>
      </c>
      <c r="E87">
        <v>516.304347826087</v>
      </c>
    </row>
    <row r="88" spans="1:5" x14ac:dyDescent="0.25">
      <c r="A88">
        <v>5160</v>
      </c>
      <c r="B88">
        <f t="shared" si="1"/>
        <v>1.4333333333333333</v>
      </c>
      <c r="C88">
        <v>0</v>
      </c>
      <c r="D88">
        <v>15.4</v>
      </c>
      <c r="E88">
        <v>510.86956521739103</v>
      </c>
    </row>
    <row r="89" spans="1:5" x14ac:dyDescent="0.25">
      <c r="A89">
        <v>5220</v>
      </c>
      <c r="B89">
        <f t="shared" si="1"/>
        <v>1.45</v>
      </c>
      <c r="C89">
        <v>0</v>
      </c>
      <c r="D89">
        <v>15.4</v>
      </c>
      <c r="E89">
        <v>505.43478260869603</v>
      </c>
    </row>
    <row r="90" spans="1:5" x14ac:dyDescent="0.25">
      <c r="A90">
        <v>5280</v>
      </c>
      <c r="B90">
        <f t="shared" si="1"/>
        <v>1.4666666666666666</v>
      </c>
      <c r="C90">
        <v>0</v>
      </c>
      <c r="D90">
        <v>15.4</v>
      </c>
      <c r="E90">
        <v>500</v>
      </c>
    </row>
    <row r="91" spans="1:5" x14ac:dyDescent="0.25">
      <c r="A91">
        <v>5340</v>
      </c>
      <c r="B91">
        <f t="shared" si="1"/>
        <v>1.4833333333333334</v>
      </c>
      <c r="C91">
        <v>0</v>
      </c>
      <c r="D91">
        <v>15.4</v>
      </c>
      <c r="E91">
        <v>494.56521739130397</v>
      </c>
    </row>
    <row r="92" spans="1:5" x14ac:dyDescent="0.25">
      <c r="A92">
        <v>5400</v>
      </c>
      <c r="B92">
        <f t="shared" si="1"/>
        <v>1.5</v>
      </c>
      <c r="C92">
        <v>0</v>
      </c>
      <c r="D92">
        <v>15.4</v>
      </c>
      <c r="E92">
        <v>489.13043478260897</v>
      </c>
    </row>
    <row r="93" spans="1:5" x14ac:dyDescent="0.25">
      <c r="A93">
        <v>5460</v>
      </c>
      <c r="B93">
        <f t="shared" si="1"/>
        <v>1.5166666666666666</v>
      </c>
      <c r="C93">
        <v>0</v>
      </c>
      <c r="D93">
        <v>15.4</v>
      </c>
      <c r="E93">
        <v>483.695652173913</v>
      </c>
    </row>
    <row r="94" spans="1:5" x14ac:dyDescent="0.25">
      <c r="A94">
        <v>5520</v>
      </c>
      <c r="B94">
        <f t="shared" si="1"/>
        <v>1.5333333333333334</v>
      </c>
      <c r="C94">
        <v>0</v>
      </c>
      <c r="D94">
        <v>15.4</v>
      </c>
      <c r="E94">
        <v>478.26086956521698</v>
      </c>
    </row>
    <row r="95" spans="1:5" x14ac:dyDescent="0.25">
      <c r="A95">
        <v>5580</v>
      </c>
      <c r="B95">
        <f t="shared" si="1"/>
        <v>1.55</v>
      </c>
      <c r="C95">
        <v>0</v>
      </c>
      <c r="D95">
        <v>15.4</v>
      </c>
      <c r="E95">
        <v>472.82608695652198</v>
      </c>
    </row>
    <row r="96" spans="1:5" x14ac:dyDescent="0.25">
      <c r="A96">
        <v>5640</v>
      </c>
      <c r="B96">
        <f t="shared" si="1"/>
        <v>1.5666666666666667</v>
      </c>
      <c r="C96">
        <v>0</v>
      </c>
      <c r="D96">
        <v>15.3</v>
      </c>
      <c r="E96">
        <v>467.39130434782601</v>
      </c>
    </row>
    <row r="97" spans="1:5" x14ac:dyDescent="0.25">
      <c r="A97">
        <v>5700</v>
      </c>
      <c r="B97">
        <f t="shared" si="1"/>
        <v>1.5833333333333333</v>
      </c>
      <c r="C97">
        <v>0</v>
      </c>
      <c r="D97">
        <v>15.3</v>
      </c>
      <c r="E97">
        <v>461.95652173912998</v>
      </c>
    </row>
    <row r="98" spans="1:5" x14ac:dyDescent="0.25">
      <c r="A98">
        <v>5760</v>
      </c>
      <c r="B98">
        <f t="shared" si="1"/>
        <v>1.6</v>
      </c>
      <c r="C98">
        <v>0</v>
      </c>
      <c r="D98">
        <v>15.3</v>
      </c>
      <c r="E98">
        <v>456.52173913043498</v>
      </c>
    </row>
    <row r="99" spans="1:5" x14ac:dyDescent="0.25">
      <c r="A99">
        <v>5820</v>
      </c>
      <c r="B99">
        <f t="shared" si="1"/>
        <v>1.6166666666666667</v>
      </c>
      <c r="C99">
        <v>0</v>
      </c>
      <c r="D99">
        <v>15.3</v>
      </c>
      <c r="E99">
        <v>451.08695652173901</v>
      </c>
    </row>
    <row r="100" spans="1:5" x14ac:dyDescent="0.25">
      <c r="A100">
        <v>5880</v>
      </c>
      <c r="B100">
        <f t="shared" si="1"/>
        <v>1.6333333333333333</v>
      </c>
      <c r="C100">
        <v>0</v>
      </c>
      <c r="D100">
        <v>15.3</v>
      </c>
      <c r="E100">
        <v>445.65217391304401</v>
      </c>
    </row>
    <row r="101" spans="1:5" x14ac:dyDescent="0.25">
      <c r="A101">
        <v>5940</v>
      </c>
      <c r="B101">
        <f t="shared" si="1"/>
        <v>1.65</v>
      </c>
      <c r="C101">
        <v>0</v>
      </c>
      <c r="D101">
        <v>15.3</v>
      </c>
      <c r="E101">
        <v>440.21739130434798</v>
      </c>
    </row>
    <row r="102" spans="1:5" x14ac:dyDescent="0.25">
      <c r="A102">
        <v>6000</v>
      </c>
      <c r="B102">
        <f t="shared" si="1"/>
        <v>1.6666666666666667</v>
      </c>
      <c r="C102">
        <v>0</v>
      </c>
      <c r="D102">
        <v>15.3</v>
      </c>
      <c r="E102">
        <v>434.78260869565202</v>
      </c>
    </row>
    <row r="103" spans="1:5" x14ac:dyDescent="0.25">
      <c r="A103">
        <v>6060</v>
      </c>
      <c r="B103">
        <f t="shared" si="1"/>
        <v>1.6833333333333333</v>
      </c>
      <c r="C103">
        <v>0</v>
      </c>
      <c r="D103">
        <v>15.3</v>
      </c>
      <c r="E103">
        <v>429.34782608695701</v>
      </c>
    </row>
    <row r="104" spans="1:5" x14ac:dyDescent="0.25">
      <c r="A104">
        <v>6120</v>
      </c>
      <c r="B104">
        <f t="shared" si="1"/>
        <v>1.7</v>
      </c>
      <c r="C104">
        <v>0</v>
      </c>
      <c r="D104">
        <v>15.3</v>
      </c>
      <c r="E104">
        <v>423.91304347826099</v>
      </c>
    </row>
    <row r="105" spans="1:5" x14ac:dyDescent="0.25">
      <c r="A105">
        <v>6180</v>
      </c>
      <c r="B105">
        <f t="shared" si="1"/>
        <v>1.7166666666666666</v>
      </c>
      <c r="C105">
        <v>0</v>
      </c>
      <c r="D105">
        <v>15.3</v>
      </c>
      <c r="E105">
        <v>418.47826086956502</v>
      </c>
    </row>
    <row r="106" spans="1:5" x14ac:dyDescent="0.25">
      <c r="A106">
        <v>6240</v>
      </c>
      <c r="B106">
        <f t="shared" si="1"/>
        <v>1.7333333333333334</v>
      </c>
      <c r="C106">
        <v>0</v>
      </c>
      <c r="D106">
        <v>15.3</v>
      </c>
      <c r="E106">
        <v>413.04347826087002</v>
      </c>
    </row>
    <row r="107" spans="1:5" x14ac:dyDescent="0.25">
      <c r="A107">
        <v>6300</v>
      </c>
      <c r="B107">
        <f t="shared" si="1"/>
        <v>1.75</v>
      </c>
      <c r="C107">
        <v>0</v>
      </c>
      <c r="D107">
        <v>15.3</v>
      </c>
      <c r="E107">
        <v>407.60869565217399</v>
      </c>
    </row>
    <row r="108" spans="1:5" x14ac:dyDescent="0.25">
      <c r="A108">
        <v>6360</v>
      </c>
      <c r="B108">
        <f t="shared" si="1"/>
        <v>1.7666666666666666</v>
      </c>
      <c r="C108">
        <v>0</v>
      </c>
      <c r="D108">
        <v>15.3</v>
      </c>
      <c r="E108">
        <v>402.17391304347802</v>
      </c>
    </row>
    <row r="109" spans="1:5" x14ac:dyDescent="0.25">
      <c r="A109">
        <v>6420</v>
      </c>
      <c r="B109">
        <f t="shared" si="1"/>
        <v>1.7833333333333334</v>
      </c>
      <c r="C109">
        <v>0</v>
      </c>
      <c r="D109">
        <v>15.3</v>
      </c>
      <c r="E109">
        <v>396.73913043478302</v>
      </c>
    </row>
    <row r="110" spans="1:5" x14ac:dyDescent="0.25">
      <c r="A110">
        <v>6480</v>
      </c>
      <c r="B110">
        <f t="shared" si="1"/>
        <v>1.8</v>
      </c>
      <c r="C110">
        <v>0</v>
      </c>
      <c r="D110">
        <v>15.3</v>
      </c>
      <c r="E110">
        <v>391.304347826087</v>
      </c>
    </row>
    <row r="111" spans="1:5" x14ac:dyDescent="0.25">
      <c r="A111">
        <v>6540</v>
      </c>
      <c r="B111">
        <f t="shared" si="1"/>
        <v>1.8166666666666667</v>
      </c>
      <c r="C111">
        <v>0</v>
      </c>
      <c r="D111">
        <v>15.3</v>
      </c>
      <c r="E111">
        <v>385.86956521739103</v>
      </c>
    </row>
    <row r="112" spans="1:5" x14ac:dyDescent="0.25">
      <c r="A112">
        <v>6600</v>
      </c>
      <c r="B112">
        <f t="shared" si="1"/>
        <v>1.8333333333333333</v>
      </c>
      <c r="C112">
        <v>0</v>
      </c>
      <c r="D112">
        <v>15.3</v>
      </c>
      <c r="E112">
        <v>380.43478260869603</v>
      </c>
    </row>
    <row r="113" spans="1:5" x14ac:dyDescent="0.25">
      <c r="A113">
        <v>6660</v>
      </c>
      <c r="B113">
        <f t="shared" si="1"/>
        <v>1.85</v>
      </c>
      <c r="C113">
        <v>0</v>
      </c>
      <c r="D113">
        <v>15.3</v>
      </c>
      <c r="E113">
        <v>375</v>
      </c>
    </row>
    <row r="114" spans="1:5" x14ac:dyDescent="0.25">
      <c r="A114">
        <v>6720</v>
      </c>
      <c r="B114">
        <f t="shared" si="1"/>
        <v>1.8666666666666667</v>
      </c>
      <c r="C114">
        <v>0</v>
      </c>
      <c r="D114">
        <v>15.3</v>
      </c>
      <c r="E114">
        <v>369.56521739130397</v>
      </c>
    </row>
    <row r="115" spans="1:5" x14ac:dyDescent="0.25">
      <c r="A115">
        <v>6780</v>
      </c>
      <c r="B115">
        <f t="shared" si="1"/>
        <v>1.8833333333333333</v>
      </c>
      <c r="C115">
        <v>0</v>
      </c>
      <c r="D115">
        <v>15.3</v>
      </c>
      <c r="E115">
        <v>364.13043478260897</v>
      </c>
    </row>
    <row r="116" spans="1:5" x14ac:dyDescent="0.25">
      <c r="A116">
        <v>6840</v>
      </c>
      <c r="B116">
        <f t="shared" si="1"/>
        <v>1.9</v>
      </c>
      <c r="C116">
        <v>0</v>
      </c>
      <c r="D116">
        <v>15.3</v>
      </c>
      <c r="E116">
        <v>358.695652173913</v>
      </c>
    </row>
    <row r="117" spans="1:5" x14ac:dyDescent="0.25">
      <c r="A117">
        <v>6900</v>
      </c>
      <c r="B117">
        <f t="shared" si="1"/>
        <v>1.9166666666666667</v>
      </c>
      <c r="C117">
        <v>0</v>
      </c>
      <c r="D117">
        <v>15.3</v>
      </c>
      <c r="E117">
        <v>353.26086956521698</v>
      </c>
    </row>
    <row r="118" spans="1:5" x14ac:dyDescent="0.25">
      <c r="A118">
        <v>6960</v>
      </c>
      <c r="B118">
        <f t="shared" si="1"/>
        <v>1.9333333333333333</v>
      </c>
      <c r="C118">
        <v>0</v>
      </c>
      <c r="D118">
        <v>15.3</v>
      </c>
      <c r="E118">
        <v>347.82608695652198</v>
      </c>
    </row>
    <row r="119" spans="1:5" x14ac:dyDescent="0.25">
      <c r="A119">
        <v>7020</v>
      </c>
      <c r="B119">
        <f t="shared" si="1"/>
        <v>1.95</v>
      </c>
      <c r="C119">
        <v>0</v>
      </c>
      <c r="D119">
        <v>15.3</v>
      </c>
      <c r="E119">
        <v>342.39130434782601</v>
      </c>
    </row>
    <row r="120" spans="1:5" x14ac:dyDescent="0.25">
      <c r="A120">
        <v>7080</v>
      </c>
      <c r="B120">
        <f t="shared" si="1"/>
        <v>1.9666666666666666</v>
      </c>
      <c r="C120">
        <v>0</v>
      </c>
      <c r="D120">
        <v>15.3</v>
      </c>
      <c r="E120">
        <v>336.95652173912998</v>
      </c>
    </row>
    <row r="121" spans="1:5" x14ac:dyDescent="0.25">
      <c r="A121">
        <v>7140</v>
      </c>
      <c r="B121">
        <f t="shared" si="1"/>
        <v>1.9833333333333334</v>
      </c>
      <c r="C121">
        <v>0</v>
      </c>
      <c r="D121">
        <v>15.3</v>
      </c>
      <c r="E121">
        <v>331.52173913043498</v>
      </c>
    </row>
    <row r="122" spans="1:5" x14ac:dyDescent="0.25">
      <c r="A122">
        <v>7200</v>
      </c>
      <c r="B122">
        <f t="shared" si="1"/>
        <v>2</v>
      </c>
      <c r="C122">
        <v>0</v>
      </c>
      <c r="D122">
        <v>15.3</v>
      </c>
      <c r="E122">
        <v>326.08695652173901</v>
      </c>
    </row>
    <row r="123" spans="1:5" x14ac:dyDescent="0.25">
      <c r="A123">
        <v>7260</v>
      </c>
      <c r="B123">
        <f t="shared" si="1"/>
        <v>2.0166666666666666</v>
      </c>
      <c r="C123">
        <v>0</v>
      </c>
      <c r="D123">
        <v>15.3</v>
      </c>
      <c r="E123">
        <v>326.08695652173901</v>
      </c>
    </row>
    <row r="124" spans="1:5" x14ac:dyDescent="0.25">
      <c r="A124">
        <v>7320</v>
      </c>
      <c r="B124">
        <f t="shared" si="1"/>
        <v>2.0333333333333332</v>
      </c>
      <c r="C124">
        <v>0</v>
      </c>
      <c r="D124">
        <v>15.3</v>
      </c>
      <c r="E124">
        <v>326.08695652173901</v>
      </c>
    </row>
    <row r="125" spans="1:5" x14ac:dyDescent="0.25">
      <c r="A125">
        <v>7380</v>
      </c>
      <c r="B125">
        <f t="shared" si="1"/>
        <v>2.0499999999999998</v>
      </c>
      <c r="C125">
        <v>0</v>
      </c>
      <c r="D125">
        <v>15.3</v>
      </c>
      <c r="E125">
        <v>326.08695652173901</v>
      </c>
    </row>
    <row r="126" spans="1:5" x14ac:dyDescent="0.25">
      <c r="A126">
        <v>7440</v>
      </c>
      <c r="B126">
        <f t="shared" si="1"/>
        <v>2.0666666666666669</v>
      </c>
      <c r="C126">
        <v>0</v>
      </c>
      <c r="D126">
        <v>15.3</v>
      </c>
      <c r="E126">
        <v>326.08695652173901</v>
      </c>
    </row>
    <row r="127" spans="1:5" x14ac:dyDescent="0.25">
      <c r="A127">
        <v>7500</v>
      </c>
      <c r="B127">
        <f t="shared" si="1"/>
        <v>2.0833333333333335</v>
      </c>
      <c r="C127">
        <v>0</v>
      </c>
      <c r="D127">
        <v>15.3</v>
      </c>
      <c r="E127">
        <v>326.08695652173901</v>
      </c>
    </row>
    <row r="128" spans="1:5" x14ac:dyDescent="0.25">
      <c r="A128">
        <v>7560</v>
      </c>
      <c r="B128">
        <f t="shared" si="1"/>
        <v>2.1</v>
      </c>
      <c r="C128">
        <v>0</v>
      </c>
      <c r="D128">
        <v>15.2</v>
      </c>
      <c r="E128">
        <v>326.08695652173901</v>
      </c>
    </row>
    <row r="129" spans="1:5" x14ac:dyDescent="0.25">
      <c r="A129">
        <v>7620</v>
      </c>
      <c r="B129">
        <f t="shared" si="1"/>
        <v>2.1166666666666667</v>
      </c>
      <c r="C129">
        <v>0</v>
      </c>
      <c r="D129">
        <v>15.2</v>
      </c>
      <c r="E129">
        <v>326.08695652173901</v>
      </c>
    </row>
    <row r="130" spans="1:5" x14ac:dyDescent="0.25">
      <c r="A130">
        <v>7680</v>
      </c>
      <c r="B130">
        <f t="shared" si="1"/>
        <v>2.1333333333333333</v>
      </c>
      <c r="C130">
        <v>0</v>
      </c>
      <c r="D130">
        <v>15.2</v>
      </c>
      <c r="E130">
        <v>326.08695652173901</v>
      </c>
    </row>
    <row r="131" spans="1:5" x14ac:dyDescent="0.25">
      <c r="A131">
        <v>7740</v>
      </c>
      <c r="B131">
        <f t="shared" ref="B131:B194" si="2">A131/3600</f>
        <v>2.15</v>
      </c>
      <c r="C131">
        <v>0</v>
      </c>
      <c r="D131">
        <v>15.2</v>
      </c>
      <c r="E131">
        <v>326.08695652173901</v>
      </c>
    </row>
    <row r="132" spans="1:5" x14ac:dyDescent="0.25">
      <c r="A132">
        <v>7800</v>
      </c>
      <c r="B132">
        <f t="shared" si="2"/>
        <v>2.1666666666666665</v>
      </c>
      <c r="C132">
        <v>0</v>
      </c>
      <c r="D132">
        <v>15.2</v>
      </c>
      <c r="E132">
        <v>326.08695652173901</v>
      </c>
    </row>
    <row r="133" spans="1:5" x14ac:dyDescent="0.25">
      <c r="A133">
        <v>7860</v>
      </c>
      <c r="B133">
        <f t="shared" si="2"/>
        <v>2.1833333333333331</v>
      </c>
      <c r="C133">
        <v>0</v>
      </c>
      <c r="D133">
        <v>15.2</v>
      </c>
      <c r="E133">
        <v>326.08695652173901</v>
      </c>
    </row>
    <row r="134" spans="1:5" x14ac:dyDescent="0.25">
      <c r="A134">
        <v>7920</v>
      </c>
      <c r="B134">
        <f t="shared" si="2"/>
        <v>2.2000000000000002</v>
      </c>
      <c r="C134">
        <v>0</v>
      </c>
      <c r="D134">
        <v>15.2</v>
      </c>
      <c r="E134">
        <v>326.08695652173901</v>
      </c>
    </row>
    <row r="135" spans="1:5" x14ac:dyDescent="0.25">
      <c r="A135">
        <v>7980</v>
      </c>
      <c r="B135">
        <f t="shared" si="2"/>
        <v>2.2166666666666668</v>
      </c>
      <c r="C135">
        <v>0</v>
      </c>
      <c r="D135">
        <v>15.2</v>
      </c>
      <c r="E135">
        <v>326.08695652173901</v>
      </c>
    </row>
    <row r="136" spans="1:5" x14ac:dyDescent="0.25">
      <c r="A136">
        <v>8040</v>
      </c>
      <c r="B136">
        <f t="shared" si="2"/>
        <v>2.2333333333333334</v>
      </c>
      <c r="C136">
        <v>0</v>
      </c>
      <c r="D136">
        <v>15.2</v>
      </c>
      <c r="E136">
        <v>326.08695652173901</v>
      </c>
    </row>
    <row r="137" spans="1:5" x14ac:dyDescent="0.25">
      <c r="A137">
        <v>8100</v>
      </c>
      <c r="B137">
        <f t="shared" si="2"/>
        <v>2.25</v>
      </c>
      <c r="C137">
        <v>0</v>
      </c>
      <c r="D137">
        <v>15.2</v>
      </c>
      <c r="E137">
        <v>326.08695652173901</v>
      </c>
    </row>
    <row r="138" spans="1:5" x14ac:dyDescent="0.25">
      <c r="A138">
        <v>8160</v>
      </c>
      <c r="B138">
        <f t="shared" si="2"/>
        <v>2.2666666666666666</v>
      </c>
      <c r="C138">
        <v>0</v>
      </c>
      <c r="D138">
        <v>15.2</v>
      </c>
      <c r="E138">
        <v>326.08695652173901</v>
      </c>
    </row>
    <row r="139" spans="1:5" x14ac:dyDescent="0.25">
      <c r="A139">
        <v>8220</v>
      </c>
      <c r="B139">
        <f t="shared" si="2"/>
        <v>2.2833333333333332</v>
      </c>
      <c r="C139">
        <v>0</v>
      </c>
      <c r="D139">
        <v>15.1</v>
      </c>
      <c r="E139">
        <v>326.08695652173901</v>
      </c>
    </row>
    <row r="140" spans="1:5" x14ac:dyDescent="0.25">
      <c r="A140">
        <v>8280</v>
      </c>
      <c r="B140">
        <f t="shared" si="2"/>
        <v>2.2999999999999998</v>
      </c>
      <c r="C140">
        <v>0</v>
      </c>
      <c r="D140">
        <v>15.1</v>
      </c>
      <c r="E140">
        <v>326.08695652173901</v>
      </c>
    </row>
    <row r="141" spans="1:5" x14ac:dyDescent="0.25">
      <c r="A141">
        <v>8340</v>
      </c>
      <c r="B141">
        <f t="shared" si="2"/>
        <v>2.3166666666666669</v>
      </c>
      <c r="C141">
        <v>0</v>
      </c>
      <c r="D141">
        <v>15.1</v>
      </c>
      <c r="E141">
        <v>326.08695652173901</v>
      </c>
    </row>
    <row r="142" spans="1:5" x14ac:dyDescent="0.25">
      <c r="A142">
        <v>8400</v>
      </c>
      <c r="B142">
        <f t="shared" si="2"/>
        <v>2.3333333333333335</v>
      </c>
      <c r="C142">
        <v>0</v>
      </c>
      <c r="D142">
        <v>15.1</v>
      </c>
      <c r="E142">
        <v>326.08695652173901</v>
      </c>
    </row>
    <row r="143" spans="1:5" x14ac:dyDescent="0.25">
      <c r="A143">
        <v>8460</v>
      </c>
      <c r="B143">
        <f t="shared" si="2"/>
        <v>2.35</v>
      </c>
      <c r="C143">
        <v>0</v>
      </c>
      <c r="D143">
        <v>15.1</v>
      </c>
      <c r="E143">
        <v>326.08695652173901</v>
      </c>
    </row>
    <row r="144" spans="1:5" x14ac:dyDescent="0.25">
      <c r="A144">
        <v>8520</v>
      </c>
      <c r="B144">
        <f t="shared" si="2"/>
        <v>2.3666666666666667</v>
      </c>
      <c r="C144">
        <v>0</v>
      </c>
      <c r="D144">
        <v>15</v>
      </c>
      <c r="E144">
        <v>326.08695652173901</v>
      </c>
    </row>
    <row r="145" spans="1:5" x14ac:dyDescent="0.25">
      <c r="A145">
        <v>8580</v>
      </c>
      <c r="B145">
        <f t="shared" si="2"/>
        <v>2.3833333333333333</v>
      </c>
      <c r="C145">
        <v>0</v>
      </c>
      <c r="D145">
        <v>15</v>
      </c>
      <c r="E145">
        <v>326.08695652173901</v>
      </c>
    </row>
    <row r="146" spans="1:5" x14ac:dyDescent="0.25">
      <c r="A146">
        <v>8640</v>
      </c>
      <c r="B146">
        <f t="shared" si="2"/>
        <v>2.4</v>
      </c>
      <c r="C146">
        <v>0</v>
      </c>
      <c r="D146">
        <v>15</v>
      </c>
      <c r="E146">
        <v>326.08695652173901</v>
      </c>
    </row>
    <row r="147" spans="1:5" x14ac:dyDescent="0.25">
      <c r="A147">
        <v>8700</v>
      </c>
      <c r="B147">
        <f t="shared" si="2"/>
        <v>2.4166666666666665</v>
      </c>
      <c r="C147">
        <v>0</v>
      </c>
      <c r="D147">
        <v>15</v>
      </c>
      <c r="E147">
        <v>326.08695652173901</v>
      </c>
    </row>
    <row r="148" spans="1:5" x14ac:dyDescent="0.25">
      <c r="A148">
        <v>8760</v>
      </c>
      <c r="B148">
        <f t="shared" si="2"/>
        <v>2.4333333333333331</v>
      </c>
      <c r="C148">
        <v>0</v>
      </c>
      <c r="D148">
        <v>15</v>
      </c>
      <c r="E148">
        <v>326.08695652173901</v>
      </c>
    </row>
    <row r="149" spans="1:5" x14ac:dyDescent="0.25">
      <c r="A149">
        <v>8820</v>
      </c>
      <c r="B149">
        <f t="shared" si="2"/>
        <v>2.4500000000000002</v>
      </c>
      <c r="C149">
        <v>0</v>
      </c>
      <c r="D149">
        <v>15</v>
      </c>
      <c r="E149">
        <v>326.08695652173901</v>
      </c>
    </row>
    <row r="150" spans="1:5" x14ac:dyDescent="0.25">
      <c r="A150">
        <v>8880</v>
      </c>
      <c r="B150">
        <f t="shared" si="2"/>
        <v>2.4666666666666668</v>
      </c>
      <c r="C150">
        <v>0</v>
      </c>
      <c r="D150">
        <v>15</v>
      </c>
      <c r="E150">
        <v>326.08695652173901</v>
      </c>
    </row>
    <row r="151" spans="1:5" x14ac:dyDescent="0.25">
      <c r="A151">
        <v>8940</v>
      </c>
      <c r="B151">
        <f t="shared" si="2"/>
        <v>2.4833333333333334</v>
      </c>
      <c r="C151">
        <v>0</v>
      </c>
      <c r="D151">
        <v>14.9</v>
      </c>
      <c r="E151">
        <v>326.08695652173901</v>
      </c>
    </row>
    <row r="152" spans="1:5" x14ac:dyDescent="0.25">
      <c r="A152">
        <v>9000</v>
      </c>
      <c r="B152">
        <f t="shared" si="2"/>
        <v>2.5</v>
      </c>
      <c r="C152">
        <v>0</v>
      </c>
      <c r="D152">
        <v>14.9</v>
      </c>
      <c r="E152">
        <v>326.08695652173901</v>
      </c>
    </row>
    <row r="153" spans="1:5" x14ac:dyDescent="0.25">
      <c r="A153">
        <v>9060</v>
      </c>
      <c r="B153">
        <f t="shared" si="2"/>
        <v>2.5166666666666666</v>
      </c>
      <c r="C153">
        <v>0</v>
      </c>
      <c r="D153">
        <v>14.9</v>
      </c>
      <c r="E153">
        <v>326.08695652173901</v>
      </c>
    </row>
    <row r="154" spans="1:5" x14ac:dyDescent="0.25">
      <c r="A154">
        <v>9120</v>
      </c>
      <c r="B154">
        <f t="shared" si="2"/>
        <v>2.5333333333333332</v>
      </c>
      <c r="C154">
        <v>0</v>
      </c>
      <c r="D154">
        <v>14.9</v>
      </c>
      <c r="E154">
        <v>326.08695652173901</v>
      </c>
    </row>
    <row r="155" spans="1:5" x14ac:dyDescent="0.25">
      <c r="A155">
        <v>9180</v>
      </c>
      <c r="B155">
        <f t="shared" si="2"/>
        <v>2.5499999999999998</v>
      </c>
      <c r="C155">
        <v>0</v>
      </c>
      <c r="D155">
        <v>14.9</v>
      </c>
      <c r="E155">
        <v>326.08695652173901</v>
      </c>
    </row>
    <row r="156" spans="1:5" x14ac:dyDescent="0.25">
      <c r="A156">
        <v>9240</v>
      </c>
      <c r="B156">
        <f t="shared" si="2"/>
        <v>2.5666666666666669</v>
      </c>
      <c r="C156">
        <v>0</v>
      </c>
      <c r="D156">
        <v>14.8</v>
      </c>
      <c r="E156">
        <v>326.08695652173901</v>
      </c>
    </row>
    <row r="157" spans="1:5" x14ac:dyDescent="0.25">
      <c r="A157">
        <v>9300</v>
      </c>
      <c r="B157">
        <f t="shared" si="2"/>
        <v>2.5833333333333335</v>
      </c>
      <c r="C157">
        <v>0</v>
      </c>
      <c r="D157">
        <v>14.8</v>
      </c>
      <c r="E157">
        <v>326.08695652173901</v>
      </c>
    </row>
    <row r="158" spans="1:5" x14ac:dyDescent="0.25">
      <c r="A158">
        <v>9360</v>
      </c>
      <c r="B158">
        <f t="shared" si="2"/>
        <v>2.6</v>
      </c>
      <c r="C158">
        <v>0</v>
      </c>
      <c r="D158">
        <v>14.8</v>
      </c>
      <c r="E158">
        <v>326.08695652173901</v>
      </c>
    </row>
    <row r="159" spans="1:5" x14ac:dyDescent="0.25">
      <c r="A159">
        <v>9420</v>
      </c>
      <c r="B159">
        <f t="shared" si="2"/>
        <v>2.6166666666666667</v>
      </c>
      <c r="C159">
        <v>0</v>
      </c>
      <c r="D159">
        <v>14.8</v>
      </c>
      <c r="E159">
        <v>326.08695652173901</v>
      </c>
    </row>
    <row r="160" spans="1:5" x14ac:dyDescent="0.25">
      <c r="A160">
        <v>9480</v>
      </c>
      <c r="B160">
        <f t="shared" si="2"/>
        <v>2.6333333333333333</v>
      </c>
      <c r="C160">
        <v>0</v>
      </c>
      <c r="D160">
        <v>14.8</v>
      </c>
      <c r="E160">
        <v>326.08695652173901</v>
      </c>
    </row>
    <row r="161" spans="1:5" x14ac:dyDescent="0.25">
      <c r="A161">
        <v>9540</v>
      </c>
      <c r="B161">
        <f t="shared" si="2"/>
        <v>2.65</v>
      </c>
      <c r="C161">
        <v>0</v>
      </c>
      <c r="D161">
        <v>14.8</v>
      </c>
      <c r="E161">
        <v>326.08695652173901</v>
      </c>
    </row>
    <row r="162" spans="1:5" x14ac:dyDescent="0.25">
      <c r="A162">
        <v>9600</v>
      </c>
      <c r="B162">
        <f t="shared" si="2"/>
        <v>2.6666666666666665</v>
      </c>
      <c r="C162">
        <v>0</v>
      </c>
      <c r="D162">
        <v>14.8</v>
      </c>
      <c r="E162">
        <v>326.08695652173901</v>
      </c>
    </row>
    <row r="163" spans="1:5" x14ac:dyDescent="0.25">
      <c r="A163">
        <v>9660</v>
      </c>
      <c r="B163">
        <f t="shared" si="2"/>
        <v>2.6833333333333331</v>
      </c>
      <c r="C163">
        <v>0</v>
      </c>
      <c r="D163">
        <v>14.8</v>
      </c>
      <c r="E163">
        <v>326.08695652173901</v>
      </c>
    </row>
    <row r="164" spans="1:5" x14ac:dyDescent="0.25">
      <c r="A164">
        <v>9720</v>
      </c>
      <c r="B164">
        <f t="shared" si="2"/>
        <v>2.7</v>
      </c>
      <c r="C164">
        <v>0</v>
      </c>
      <c r="D164">
        <v>14.7</v>
      </c>
      <c r="E164">
        <v>326.08695652173901</v>
      </c>
    </row>
    <row r="165" spans="1:5" x14ac:dyDescent="0.25">
      <c r="A165">
        <v>9780</v>
      </c>
      <c r="B165">
        <f t="shared" si="2"/>
        <v>2.7166666666666668</v>
      </c>
      <c r="C165">
        <v>0</v>
      </c>
      <c r="D165">
        <v>14.7</v>
      </c>
      <c r="E165">
        <v>326.08695652173901</v>
      </c>
    </row>
    <row r="166" spans="1:5" x14ac:dyDescent="0.25">
      <c r="A166">
        <v>9840</v>
      </c>
      <c r="B166">
        <f t="shared" si="2"/>
        <v>2.7333333333333334</v>
      </c>
      <c r="C166">
        <v>0</v>
      </c>
      <c r="D166">
        <v>14.7</v>
      </c>
      <c r="E166">
        <v>326.08695652173901</v>
      </c>
    </row>
    <row r="167" spans="1:5" x14ac:dyDescent="0.25">
      <c r="A167">
        <v>9900</v>
      </c>
      <c r="B167">
        <f t="shared" si="2"/>
        <v>2.75</v>
      </c>
      <c r="C167">
        <v>0</v>
      </c>
      <c r="D167">
        <v>14.7</v>
      </c>
      <c r="E167">
        <v>326.08695652173901</v>
      </c>
    </row>
    <row r="168" spans="1:5" x14ac:dyDescent="0.25">
      <c r="A168">
        <v>9960</v>
      </c>
      <c r="B168">
        <f t="shared" si="2"/>
        <v>2.7666666666666666</v>
      </c>
      <c r="C168">
        <v>0</v>
      </c>
      <c r="D168">
        <v>14.7</v>
      </c>
      <c r="E168">
        <v>326.08695652173901</v>
      </c>
    </row>
    <row r="169" spans="1:5" x14ac:dyDescent="0.25">
      <c r="A169">
        <v>10020</v>
      </c>
      <c r="B169">
        <f t="shared" si="2"/>
        <v>2.7833333333333332</v>
      </c>
      <c r="C169">
        <v>0</v>
      </c>
      <c r="D169">
        <v>14.8</v>
      </c>
      <c r="E169">
        <v>326.08695652173901</v>
      </c>
    </row>
    <row r="170" spans="1:5" x14ac:dyDescent="0.25">
      <c r="A170">
        <v>10080</v>
      </c>
      <c r="B170">
        <f t="shared" si="2"/>
        <v>2.8</v>
      </c>
      <c r="C170">
        <v>0</v>
      </c>
      <c r="D170">
        <v>14.7</v>
      </c>
      <c r="E170">
        <v>326.08695652173901</v>
      </c>
    </row>
    <row r="171" spans="1:5" x14ac:dyDescent="0.25">
      <c r="A171">
        <v>10140</v>
      </c>
      <c r="B171">
        <f t="shared" si="2"/>
        <v>2.8166666666666669</v>
      </c>
      <c r="C171">
        <v>0</v>
      </c>
      <c r="D171">
        <v>14.7</v>
      </c>
      <c r="E171">
        <v>326.08695652173901</v>
      </c>
    </row>
    <row r="172" spans="1:5" x14ac:dyDescent="0.25">
      <c r="A172">
        <v>10200</v>
      </c>
      <c r="B172">
        <f t="shared" si="2"/>
        <v>2.8333333333333335</v>
      </c>
      <c r="C172">
        <v>0</v>
      </c>
      <c r="D172">
        <v>14.7</v>
      </c>
      <c r="E172">
        <v>326.08695652173901</v>
      </c>
    </row>
    <row r="173" spans="1:5" x14ac:dyDescent="0.25">
      <c r="A173">
        <v>10260</v>
      </c>
      <c r="B173">
        <f t="shared" si="2"/>
        <v>2.85</v>
      </c>
      <c r="C173">
        <v>0</v>
      </c>
      <c r="D173">
        <v>14.7</v>
      </c>
      <c r="E173">
        <v>326.08695652173901</v>
      </c>
    </row>
    <row r="174" spans="1:5" x14ac:dyDescent="0.25">
      <c r="A174">
        <v>10320</v>
      </c>
      <c r="B174">
        <f t="shared" si="2"/>
        <v>2.8666666666666667</v>
      </c>
      <c r="C174">
        <v>0</v>
      </c>
      <c r="D174">
        <v>14.7</v>
      </c>
      <c r="E174">
        <v>326.08695652173901</v>
      </c>
    </row>
    <row r="175" spans="1:5" x14ac:dyDescent="0.25">
      <c r="A175">
        <v>10380</v>
      </c>
      <c r="B175">
        <f t="shared" si="2"/>
        <v>2.8833333333333333</v>
      </c>
      <c r="C175">
        <v>0</v>
      </c>
      <c r="D175">
        <v>14.7</v>
      </c>
      <c r="E175">
        <v>326.08695652173901</v>
      </c>
    </row>
    <row r="176" spans="1:5" x14ac:dyDescent="0.25">
      <c r="A176">
        <v>10440</v>
      </c>
      <c r="B176">
        <f t="shared" si="2"/>
        <v>2.9</v>
      </c>
      <c r="C176">
        <v>0</v>
      </c>
      <c r="D176">
        <v>14.7</v>
      </c>
      <c r="E176">
        <v>326.08695652173901</v>
      </c>
    </row>
    <row r="177" spans="1:5" x14ac:dyDescent="0.25">
      <c r="A177">
        <v>10500</v>
      </c>
      <c r="B177">
        <f t="shared" si="2"/>
        <v>2.9166666666666665</v>
      </c>
      <c r="C177">
        <v>0</v>
      </c>
      <c r="D177">
        <v>14.7</v>
      </c>
      <c r="E177">
        <v>326.08695652173901</v>
      </c>
    </row>
    <row r="178" spans="1:5" x14ac:dyDescent="0.25">
      <c r="A178">
        <v>10560</v>
      </c>
      <c r="B178">
        <f t="shared" si="2"/>
        <v>2.9333333333333331</v>
      </c>
      <c r="C178">
        <v>0</v>
      </c>
      <c r="D178">
        <v>14.7</v>
      </c>
      <c r="E178">
        <v>326.08695652173901</v>
      </c>
    </row>
    <row r="179" spans="1:5" x14ac:dyDescent="0.25">
      <c r="A179">
        <v>10620</v>
      </c>
      <c r="B179">
        <f t="shared" si="2"/>
        <v>2.95</v>
      </c>
      <c r="C179">
        <v>0</v>
      </c>
      <c r="D179">
        <v>14.7</v>
      </c>
      <c r="E179">
        <v>326.08695652173901</v>
      </c>
    </row>
    <row r="180" spans="1:5" x14ac:dyDescent="0.25">
      <c r="A180">
        <v>10680</v>
      </c>
      <c r="B180">
        <f t="shared" si="2"/>
        <v>2.9666666666666668</v>
      </c>
      <c r="C180">
        <v>0</v>
      </c>
      <c r="D180">
        <v>14.7</v>
      </c>
      <c r="E180">
        <v>326.08695652173901</v>
      </c>
    </row>
    <row r="181" spans="1:5" x14ac:dyDescent="0.25">
      <c r="A181">
        <v>10740</v>
      </c>
      <c r="B181">
        <f t="shared" si="2"/>
        <v>2.9833333333333334</v>
      </c>
      <c r="C181">
        <v>0</v>
      </c>
      <c r="D181">
        <v>14.7</v>
      </c>
      <c r="E181">
        <v>326.08695652173901</v>
      </c>
    </row>
    <row r="182" spans="1:5" x14ac:dyDescent="0.25">
      <c r="A182">
        <v>10800</v>
      </c>
      <c r="B182">
        <f t="shared" si="2"/>
        <v>3</v>
      </c>
      <c r="C182">
        <v>0</v>
      </c>
      <c r="D182">
        <v>14.7</v>
      </c>
      <c r="E182">
        <v>326.08695652173901</v>
      </c>
    </row>
    <row r="183" spans="1:5" x14ac:dyDescent="0.25">
      <c r="A183">
        <v>10860</v>
      </c>
      <c r="B183">
        <f t="shared" si="2"/>
        <v>3.0166666666666666</v>
      </c>
      <c r="C183">
        <v>0</v>
      </c>
      <c r="D183">
        <v>14.7</v>
      </c>
      <c r="E183">
        <v>326.08695652173901</v>
      </c>
    </row>
    <row r="184" spans="1:5" x14ac:dyDescent="0.25">
      <c r="A184">
        <v>10920</v>
      </c>
      <c r="B184">
        <f t="shared" si="2"/>
        <v>3.0333333333333332</v>
      </c>
      <c r="C184">
        <v>0</v>
      </c>
      <c r="D184">
        <v>14.7</v>
      </c>
      <c r="E184">
        <v>326.08695652173901</v>
      </c>
    </row>
    <row r="185" spans="1:5" x14ac:dyDescent="0.25">
      <c r="A185">
        <v>10980</v>
      </c>
      <c r="B185">
        <f t="shared" si="2"/>
        <v>3.05</v>
      </c>
      <c r="C185">
        <v>0</v>
      </c>
      <c r="D185">
        <v>14.7</v>
      </c>
      <c r="E185">
        <v>326.08695652173901</v>
      </c>
    </row>
    <row r="186" spans="1:5" x14ac:dyDescent="0.25">
      <c r="A186">
        <v>11040</v>
      </c>
      <c r="B186">
        <f t="shared" si="2"/>
        <v>3.0666666666666669</v>
      </c>
      <c r="C186">
        <v>0</v>
      </c>
      <c r="D186">
        <v>14.7</v>
      </c>
      <c r="E186">
        <v>326.08695652173901</v>
      </c>
    </row>
    <row r="187" spans="1:5" x14ac:dyDescent="0.25">
      <c r="A187">
        <v>11100</v>
      </c>
      <c r="B187">
        <f t="shared" si="2"/>
        <v>3.0833333333333335</v>
      </c>
      <c r="C187">
        <v>0</v>
      </c>
      <c r="D187">
        <v>14.7</v>
      </c>
      <c r="E187">
        <v>326.08695652173901</v>
      </c>
    </row>
    <row r="188" spans="1:5" x14ac:dyDescent="0.25">
      <c r="A188">
        <v>11160</v>
      </c>
      <c r="B188">
        <f t="shared" si="2"/>
        <v>3.1</v>
      </c>
      <c r="C188">
        <v>0</v>
      </c>
      <c r="D188">
        <v>14.7</v>
      </c>
      <c r="E188">
        <v>326.08695652173901</v>
      </c>
    </row>
    <row r="189" spans="1:5" x14ac:dyDescent="0.25">
      <c r="A189">
        <v>11220</v>
      </c>
      <c r="B189">
        <f t="shared" si="2"/>
        <v>3.1166666666666667</v>
      </c>
      <c r="C189">
        <v>0</v>
      </c>
      <c r="D189">
        <v>14.7</v>
      </c>
      <c r="E189">
        <v>326.08695652173901</v>
      </c>
    </row>
    <row r="190" spans="1:5" x14ac:dyDescent="0.25">
      <c r="A190">
        <v>11280</v>
      </c>
      <c r="B190">
        <f t="shared" si="2"/>
        <v>3.1333333333333333</v>
      </c>
      <c r="C190">
        <v>0</v>
      </c>
      <c r="D190">
        <v>14.7</v>
      </c>
      <c r="E190">
        <v>326.08695652173901</v>
      </c>
    </row>
    <row r="191" spans="1:5" x14ac:dyDescent="0.25">
      <c r="A191">
        <v>11340</v>
      </c>
      <c r="B191">
        <f t="shared" si="2"/>
        <v>3.15</v>
      </c>
      <c r="C191">
        <v>0</v>
      </c>
      <c r="D191">
        <v>14.7</v>
      </c>
      <c r="E191">
        <v>326.08695652173901</v>
      </c>
    </row>
    <row r="192" spans="1:5" x14ac:dyDescent="0.25">
      <c r="A192">
        <v>11400</v>
      </c>
      <c r="B192">
        <f t="shared" si="2"/>
        <v>3.1666666666666665</v>
      </c>
      <c r="C192">
        <v>0</v>
      </c>
      <c r="D192">
        <v>14.7</v>
      </c>
      <c r="E192">
        <v>326.08695652173901</v>
      </c>
    </row>
    <row r="193" spans="1:5" x14ac:dyDescent="0.25">
      <c r="A193">
        <v>11460</v>
      </c>
      <c r="B193">
        <f t="shared" si="2"/>
        <v>3.1833333333333331</v>
      </c>
      <c r="C193">
        <v>0</v>
      </c>
      <c r="D193">
        <v>14.7</v>
      </c>
      <c r="E193">
        <v>326.08695652173901</v>
      </c>
    </row>
    <row r="194" spans="1:5" x14ac:dyDescent="0.25">
      <c r="A194">
        <v>11520</v>
      </c>
      <c r="B194">
        <f t="shared" si="2"/>
        <v>3.2</v>
      </c>
      <c r="C194">
        <v>0</v>
      </c>
      <c r="D194">
        <v>14.7</v>
      </c>
      <c r="E194">
        <v>326.08695652173901</v>
      </c>
    </row>
    <row r="195" spans="1:5" x14ac:dyDescent="0.25">
      <c r="A195">
        <v>11580</v>
      </c>
      <c r="B195">
        <f t="shared" ref="B195:B258" si="3">A195/3600</f>
        <v>3.2166666666666668</v>
      </c>
      <c r="C195">
        <v>0</v>
      </c>
      <c r="D195">
        <v>14.7</v>
      </c>
      <c r="E195">
        <v>326.08695652173901</v>
      </c>
    </row>
    <row r="196" spans="1:5" x14ac:dyDescent="0.25">
      <c r="A196">
        <v>11640</v>
      </c>
      <c r="B196">
        <f t="shared" si="3"/>
        <v>3.2333333333333334</v>
      </c>
      <c r="C196">
        <v>0</v>
      </c>
      <c r="D196">
        <v>14.7</v>
      </c>
      <c r="E196">
        <v>326.08695652173901</v>
      </c>
    </row>
    <row r="197" spans="1:5" x14ac:dyDescent="0.25">
      <c r="A197">
        <v>11700</v>
      </c>
      <c r="B197">
        <f t="shared" si="3"/>
        <v>3.25</v>
      </c>
      <c r="C197">
        <v>0</v>
      </c>
      <c r="D197">
        <v>14.7</v>
      </c>
      <c r="E197">
        <v>326.08695652173901</v>
      </c>
    </row>
    <row r="198" spans="1:5" x14ac:dyDescent="0.25">
      <c r="A198">
        <v>11760</v>
      </c>
      <c r="B198">
        <f t="shared" si="3"/>
        <v>3.2666666666666666</v>
      </c>
      <c r="C198">
        <v>0</v>
      </c>
      <c r="D198">
        <v>14.7</v>
      </c>
      <c r="E198">
        <v>326.08695652173901</v>
      </c>
    </row>
    <row r="199" spans="1:5" x14ac:dyDescent="0.25">
      <c r="A199">
        <v>11820</v>
      </c>
      <c r="B199">
        <f t="shared" si="3"/>
        <v>3.2833333333333332</v>
      </c>
      <c r="C199">
        <v>0</v>
      </c>
      <c r="D199">
        <v>14.7</v>
      </c>
      <c r="E199">
        <v>326.08695652173901</v>
      </c>
    </row>
    <row r="200" spans="1:5" x14ac:dyDescent="0.25">
      <c r="A200">
        <v>11880</v>
      </c>
      <c r="B200">
        <f t="shared" si="3"/>
        <v>3.3</v>
      </c>
      <c r="C200">
        <v>0</v>
      </c>
      <c r="D200">
        <v>14.7</v>
      </c>
      <c r="E200">
        <v>326.08695652173901</v>
      </c>
    </row>
    <row r="201" spans="1:5" x14ac:dyDescent="0.25">
      <c r="A201">
        <v>11940</v>
      </c>
      <c r="B201">
        <f t="shared" si="3"/>
        <v>3.3166666666666669</v>
      </c>
      <c r="C201">
        <v>0</v>
      </c>
      <c r="D201">
        <v>14.7</v>
      </c>
      <c r="E201">
        <v>326.08695652173901</v>
      </c>
    </row>
    <row r="202" spans="1:5" x14ac:dyDescent="0.25">
      <c r="A202">
        <v>12000</v>
      </c>
      <c r="B202">
        <f t="shared" si="3"/>
        <v>3.3333333333333335</v>
      </c>
      <c r="C202">
        <v>0</v>
      </c>
      <c r="D202">
        <v>14.7</v>
      </c>
      <c r="E202">
        <v>326.08695652173901</v>
      </c>
    </row>
    <row r="203" spans="1:5" x14ac:dyDescent="0.25">
      <c r="A203">
        <v>12060</v>
      </c>
      <c r="B203">
        <f t="shared" si="3"/>
        <v>3.35</v>
      </c>
      <c r="C203">
        <v>0</v>
      </c>
      <c r="D203">
        <v>14.6</v>
      </c>
      <c r="E203">
        <v>326.08695652173901</v>
      </c>
    </row>
    <row r="204" spans="1:5" x14ac:dyDescent="0.25">
      <c r="A204">
        <v>12120</v>
      </c>
      <c r="B204">
        <f t="shared" si="3"/>
        <v>3.3666666666666667</v>
      </c>
      <c r="C204">
        <v>0</v>
      </c>
      <c r="D204">
        <v>14.6</v>
      </c>
      <c r="E204">
        <v>326.08695652173901</v>
      </c>
    </row>
    <row r="205" spans="1:5" x14ac:dyDescent="0.25">
      <c r="A205">
        <v>12180</v>
      </c>
      <c r="B205">
        <f t="shared" si="3"/>
        <v>3.3833333333333333</v>
      </c>
      <c r="C205">
        <v>0</v>
      </c>
      <c r="D205">
        <v>14.6</v>
      </c>
      <c r="E205">
        <v>326.08695652173901</v>
      </c>
    </row>
    <row r="206" spans="1:5" x14ac:dyDescent="0.25">
      <c r="A206">
        <v>12240</v>
      </c>
      <c r="B206">
        <f t="shared" si="3"/>
        <v>3.4</v>
      </c>
      <c r="C206">
        <v>0</v>
      </c>
      <c r="D206">
        <v>14.6</v>
      </c>
      <c r="E206">
        <v>326.08695652173901</v>
      </c>
    </row>
    <row r="207" spans="1:5" x14ac:dyDescent="0.25">
      <c r="A207">
        <v>12300</v>
      </c>
      <c r="B207">
        <f t="shared" si="3"/>
        <v>3.4166666666666665</v>
      </c>
      <c r="C207">
        <v>0</v>
      </c>
      <c r="D207">
        <v>14.7</v>
      </c>
      <c r="E207">
        <v>326.08695652173901</v>
      </c>
    </row>
    <row r="208" spans="1:5" x14ac:dyDescent="0.25">
      <c r="A208">
        <v>12360</v>
      </c>
      <c r="B208">
        <f t="shared" si="3"/>
        <v>3.4333333333333331</v>
      </c>
      <c r="C208">
        <v>0</v>
      </c>
      <c r="D208">
        <v>14.6</v>
      </c>
      <c r="E208">
        <v>326.08695652173901</v>
      </c>
    </row>
    <row r="209" spans="1:5" x14ac:dyDescent="0.25">
      <c r="A209">
        <v>12420</v>
      </c>
      <c r="B209">
        <f t="shared" si="3"/>
        <v>3.45</v>
      </c>
      <c r="C209">
        <v>0</v>
      </c>
      <c r="D209">
        <v>14.6</v>
      </c>
      <c r="E209">
        <v>326.08695652173901</v>
      </c>
    </row>
    <row r="210" spans="1:5" x14ac:dyDescent="0.25">
      <c r="A210">
        <v>12480</v>
      </c>
      <c r="B210">
        <f t="shared" si="3"/>
        <v>3.4666666666666668</v>
      </c>
      <c r="C210">
        <v>0</v>
      </c>
      <c r="D210">
        <v>14.6</v>
      </c>
      <c r="E210">
        <v>326.08695652173901</v>
      </c>
    </row>
    <row r="211" spans="1:5" x14ac:dyDescent="0.25">
      <c r="A211">
        <v>12540</v>
      </c>
      <c r="B211">
        <f t="shared" si="3"/>
        <v>3.4833333333333334</v>
      </c>
      <c r="C211">
        <v>0</v>
      </c>
      <c r="D211">
        <v>14.6</v>
      </c>
      <c r="E211">
        <v>326.08695652173901</v>
      </c>
    </row>
    <row r="212" spans="1:5" x14ac:dyDescent="0.25">
      <c r="A212">
        <v>12600</v>
      </c>
      <c r="B212">
        <f t="shared" si="3"/>
        <v>3.5</v>
      </c>
      <c r="C212">
        <v>0</v>
      </c>
      <c r="D212">
        <v>14.6</v>
      </c>
      <c r="E212">
        <v>326.08695652173901</v>
      </c>
    </row>
    <row r="213" spans="1:5" x14ac:dyDescent="0.25">
      <c r="A213">
        <v>12660</v>
      </c>
      <c r="B213">
        <f t="shared" si="3"/>
        <v>3.5166666666666666</v>
      </c>
      <c r="C213">
        <v>0</v>
      </c>
      <c r="D213">
        <v>14.6</v>
      </c>
      <c r="E213">
        <v>326.08695652173901</v>
      </c>
    </row>
    <row r="214" spans="1:5" x14ac:dyDescent="0.25">
      <c r="A214">
        <v>12720</v>
      </c>
      <c r="B214">
        <f t="shared" si="3"/>
        <v>3.5333333333333332</v>
      </c>
      <c r="C214">
        <v>0</v>
      </c>
      <c r="D214">
        <v>14.6</v>
      </c>
      <c r="E214">
        <v>326.08695652173901</v>
      </c>
    </row>
    <row r="215" spans="1:5" x14ac:dyDescent="0.25">
      <c r="A215">
        <v>12780</v>
      </c>
      <c r="B215">
        <f t="shared" si="3"/>
        <v>3.55</v>
      </c>
      <c r="C215">
        <v>0</v>
      </c>
      <c r="D215">
        <v>14.6</v>
      </c>
      <c r="E215">
        <v>326.08695652173901</v>
      </c>
    </row>
    <row r="216" spans="1:5" x14ac:dyDescent="0.25">
      <c r="A216">
        <v>12840</v>
      </c>
      <c r="B216">
        <f t="shared" si="3"/>
        <v>3.5666666666666669</v>
      </c>
      <c r="C216">
        <v>0</v>
      </c>
      <c r="D216">
        <v>14.6</v>
      </c>
      <c r="E216">
        <v>326.08695652173901</v>
      </c>
    </row>
    <row r="217" spans="1:5" x14ac:dyDescent="0.25">
      <c r="A217">
        <v>12900</v>
      </c>
      <c r="B217">
        <f t="shared" si="3"/>
        <v>3.5833333333333335</v>
      </c>
      <c r="C217">
        <v>0</v>
      </c>
      <c r="D217">
        <v>14.5</v>
      </c>
      <c r="E217">
        <v>326.08695652173901</v>
      </c>
    </row>
    <row r="218" spans="1:5" x14ac:dyDescent="0.25">
      <c r="A218">
        <v>12960</v>
      </c>
      <c r="B218">
        <f t="shared" si="3"/>
        <v>3.6</v>
      </c>
      <c r="C218">
        <v>0</v>
      </c>
      <c r="D218">
        <v>14.5</v>
      </c>
      <c r="E218">
        <v>326.08695652173901</v>
      </c>
    </row>
    <row r="219" spans="1:5" x14ac:dyDescent="0.25">
      <c r="A219">
        <v>13020</v>
      </c>
      <c r="B219">
        <f t="shared" si="3"/>
        <v>3.6166666666666667</v>
      </c>
      <c r="C219">
        <v>0</v>
      </c>
      <c r="D219">
        <v>14.5</v>
      </c>
      <c r="E219">
        <v>326.08695652173901</v>
      </c>
    </row>
    <row r="220" spans="1:5" x14ac:dyDescent="0.25">
      <c r="A220">
        <v>13080</v>
      </c>
      <c r="B220">
        <f t="shared" si="3"/>
        <v>3.6333333333333333</v>
      </c>
      <c r="C220">
        <v>0</v>
      </c>
      <c r="D220">
        <v>14.5</v>
      </c>
      <c r="E220">
        <v>326.08695652173901</v>
      </c>
    </row>
    <row r="221" spans="1:5" x14ac:dyDescent="0.25">
      <c r="A221">
        <v>13140</v>
      </c>
      <c r="B221">
        <f t="shared" si="3"/>
        <v>3.65</v>
      </c>
      <c r="C221">
        <v>0</v>
      </c>
      <c r="D221">
        <v>14.5</v>
      </c>
      <c r="E221">
        <v>326.08695652173901</v>
      </c>
    </row>
    <row r="222" spans="1:5" x14ac:dyDescent="0.25">
      <c r="A222">
        <v>13200</v>
      </c>
      <c r="B222">
        <f t="shared" si="3"/>
        <v>3.6666666666666665</v>
      </c>
      <c r="C222">
        <v>0</v>
      </c>
      <c r="D222">
        <v>14.5</v>
      </c>
      <c r="E222">
        <v>326.08695652173901</v>
      </c>
    </row>
    <row r="223" spans="1:5" x14ac:dyDescent="0.25">
      <c r="A223">
        <v>13260</v>
      </c>
      <c r="B223">
        <f t="shared" si="3"/>
        <v>3.6833333333333331</v>
      </c>
      <c r="C223">
        <v>0</v>
      </c>
      <c r="D223">
        <v>14.5</v>
      </c>
      <c r="E223">
        <v>326.08695652173901</v>
      </c>
    </row>
    <row r="224" spans="1:5" x14ac:dyDescent="0.25">
      <c r="A224">
        <v>13320</v>
      </c>
      <c r="B224">
        <f t="shared" si="3"/>
        <v>3.7</v>
      </c>
      <c r="C224">
        <v>0</v>
      </c>
      <c r="D224">
        <v>14.5</v>
      </c>
      <c r="E224">
        <v>326.08695652173901</v>
      </c>
    </row>
    <row r="225" spans="1:5" x14ac:dyDescent="0.25">
      <c r="A225">
        <v>13380</v>
      </c>
      <c r="B225">
        <f t="shared" si="3"/>
        <v>3.7166666666666668</v>
      </c>
      <c r="C225">
        <v>0</v>
      </c>
      <c r="D225">
        <v>14.5</v>
      </c>
      <c r="E225">
        <v>326.08695652173901</v>
      </c>
    </row>
    <row r="226" spans="1:5" x14ac:dyDescent="0.25">
      <c r="A226">
        <v>13440</v>
      </c>
      <c r="B226">
        <f t="shared" si="3"/>
        <v>3.7333333333333334</v>
      </c>
      <c r="C226">
        <v>0</v>
      </c>
      <c r="D226">
        <v>14.5</v>
      </c>
      <c r="E226">
        <v>326.08695652173901</v>
      </c>
    </row>
    <row r="227" spans="1:5" x14ac:dyDescent="0.25">
      <c r="A227">
        <v>13500</v>
      </c>
      <c r="B227">
        <f t="shared" si="3"/>
        <v>3.75</v>
      </c>
      <c r="C227">
        <v>0</v>
      </c>
      <c r="D227">
        <v>14.5</v>
      </c>
      <c r="E227">
        <v>326.08695652173901</v>
      </c>
    </row>
    <row r="228" spans="1:5" x14ac:dyDescent="0.25">
      <c r="A228">
        <v>13560</v>
      </c>
      <c r="B228">
        <f t="shared" si="3"/>
        <v>3.7666666666666666</v>
      </c>
      <c r="C228">
        <v>0</v>
      </c>
      <c r="D228">
        <v>14.5</v>
      </c>
      <c r="E228">
        <v>326.08695652173901</v>
      </c>
    </row>
    <row r="229" spans="1:5" x14ac:dyDescent="0.25">
      <c r="A229">
        <v>13620</v>
      </c>
      <c r="B229">
        <f t="shared" si="3"/>
        <v>3.7833333333333332</v>
      </c>
      <c r="C229">
        <v>0</v>
      </c>
      <c r="D229">
        <v>14.5</v>
      </c>
      <c r="E229">
        <v>326.08695652173901</v>
      </c>
    </row>
    <row r="230" spans="1:5" x14ac:dyDescent="0.25">
      <c r="A230">
        <v>13680</v>
      </c>
      <c r="B230">
        <f t="shared" si="3"/>
        <v>3.8</v>
      </c>
      <c r="C230">
        <v>0</v>
      </c>
      <c r="D230">
        <v>14.5</v>
      </c>
      <c r="E230">
        <v>326.08695652173901</v>
      </c>
    </row>
    <row r="231" spans="1:5" x14ac:dyDescent="0.25">
      <c r="A231">
        <v>13740</v>
      </c>
      <c r="B231">
        <f t="shared" si="3"/>
        <v>3.8166666666666669</v>
      </c>
      <c r="C231">
        <v>0</v>
      </c>
      <c r="D231">
        <v>14.5</v>
      </c>
      <c r="E231">
        <v>326.08695652173901</v>
      </c>
    </row>
    <row r="232" spans="1:5" x14ac:dyDescent="0.25">
      <c r="A232">
        <v>13800</v>
      </c>
      <c r="B232">
        <f t="shared" si="3"/>
        <v>3.8333333333333335</v>
      </c>
      <c r="C232">
        <v>0</v>
      </c>
      <c r="D232">
        <v>14.5</v>
      </c>
      <c r="E232">
        <v>326.08695652173901</v>
      </c>
    </row>
    <row r="233" spans="1:5" x14ac:dyDescent="0.25">
      <c r="A233">
        <v>13860</v>
      </c>
      <c r="B233">
        <f t="shared" si="3"/>
        <v>3.85</v>
      </c>
      <c r="C233">
        <v>0</v>
      </c>
      <c r="D233">
        <v>14.5</v>
      </c>
      <c r="E233">
        <v>326.08695652173901</v>
      </c>
    </row>
    <row r="234" spans="1:5" x14ac:dyDescent="0.25">
      <c r="A234">
        <v>13920</v>
      </c>
      <c r="B234">
        <f t="shared" si="3"/>
        <v>3.8666666666666667</v>
      </c>
      <c r="C234">
        <v>0</v>
      </c>
      <c r="D234">
        <v>14.4</v>
      </c>
      <c r="E234">
        <v>326.08695652173901</v>
      </c>
    </row>
    <row r="235" spans="1:5" x14ac:dyDescent="0.25">
      <c r="A235">
        <v>13980</v>
      </c>
      <c r="B235">
        <f t="shared" si="3"/>
        <v>3.8833333333333333</v>
      </c>
      <c r="C235">
        <v>0</v>
      </c>
      <c r="D235">
        <v>14.4</v>
      </c>
      <c r="E235">
        <v>326.08695652173901</v>
      </c>
    </row>
    <row r="236" spans="1:5" x14ac:dyDescent="0.25">
      <c r="A236">
        <v>14040</v>
      </c>
      <c r="B236">
        <f t="shared" si="3"/>
        <v>3.9</v>
      </c>
      <c r="C236">
        <v>0</v>
      </c>
      <c r="D236">
        <v>14.4</v>
      </c>
      <c r="E236">
        <v>326.08695652173901</v>
      </c>
    </row>
    <row r="237" spans="1:5" x14ac:dyDescent="0.25">
      <c r="A237">
        <v>14100</v>
      </c>
      <c r="B237">
        <f t="shared" si="3"/>
        <v>3.9166666666666665</v>
      </c>
      <c r="C237">
        <v>0</v>
      </c>
      <c r="D237">
        <v>14.4</v>
      </c>
      <c r="E237">
        <v>326.08695652173901</v>
      </c>
    </row>
    <row r="238" spans="1:5" x14ac:dyDescent="0.25">
      <c r="A238">
        <v>14160</v>
      </c>
      <c r="B238">
        <f t="shared" si="3"/>
        <v>3.9333333333333331</v>
      </c>
      <c r="C238">
        <v>0</v>
      </c>
      <c r="D238">
        <v>14.4</v>
      </c>
      <c r="E238">
        <v>326.08695652173901</v>
      </c>
    </row>
    <row r="239" spans="1:5" x14ac:dyDescent="0.25">
      <c r="A239">
        <v>14220</v>
      </c>
      <c r="B239">
        <f t="shared" si="3"/>
        <v>3.95</v>
      </c>
      <c r="C239">
        <v>0</v>
      </c>
      <c r="D239">
        <v>14.4</v>
      </c>
      <c r="E239">
        <v>326.08695652173901</v>
      </c>
    </row>
    <row r="240" spans="1:5" x14ac:dyDescent="0.25">
      <c r="A240">
        <v>14280</v>
      </c>
      <c r="B240">
        <f t="shared" si="3"/>
        <v>3.9666666666666668</v>
      </c>
      <c r="C240">
        <v>0</v>
      </c>
      <c r="D240">
        <v>14.4</v>
      </c>
      <c r="E240">
        <v>326.08695652173901</v>
      </c>
    </row>
    <row r="241" spans="1:5" x14ac:dyDescent="0.25">
      <c r="A241">
        <v>14340</v>
      </c>
      <c r="B241">
        <f t="shared" si="3"/>
        <v>3.9833333333333334</v>
      </c>
      <c r="C241">
        <v>0</v>
      </c>
      <c r="D241">
        <v>14.4</v>
      </c>
      <c r="E241">
        <v>326.08695652173901</v>
      </c>
    </row>
    <row r="242" spans="1:5" x14ac:dyDescent="0.25">
      <c r="A242">
        <v>14400</v>
      </c>
      <c r="B242">
        <f t="shared" si="3"/>
        <v>4</v>
      </c>
      <c r="C242">
        <v>0</v>
      </c>
      <c r="D242">
        <v>14.4</v>
      </c>
      <c r="E242">
        <v>326.08695652173901</v>
      </c>
    </row>
    <row r="243" spans="1:5" x14ac:dyDescent="0.25">
      <c r="A243">
        <v>14460</v>
      </c>
      <c r="B243">
        <f t="shared" si="3"/>
        <v>4.0166666666666666</v>
      </c>
      <c r="C243">
        <v>0</v>
      </c>
      <c r="D243">
        <v>14.4</v>
      </c>
      <c r="E243">
        <v>326.08695652173901</v>
      </c>
    </row>
    <row r="244" spans="1:5" x14ac:dyDescent="0.25">
      <c r="A244">
        <v>14520</v>
      </c>
      <c r="B244">
        <f t="shared" si="3"/>
        <v>4.0333333333333332</v>
      </c>
      <c r="C244">
        <v>0</v>
      </c>
      <c r="D244">
        <v>14.4</v>
      </c>
      <c r="E244">
        <v>326.08695652173901</v>
      </c>
    </row>
    <row r="245" spans="1:5" x14ac:dyDescent="0.25">
      <c r="A245">
        <v>14580</v>
      </c>
      <c r="B245">
        <f t="shared" si="3"/>
        <v>4.05</v>
      </c>
      <c r="C245">
        <v>0</v>
      </c>
      <c r="D245">
        <v>14.4</v>
      </c>
      <c r="E245">
        <v>326.08695652173901</v>
      </c>
    </row>
    <row r="246" spans="1:5" x14ac:dyDescent="0.25">
      <c r="A246">
        <v>14640</v>
      </c>
      <c r="B246">
        <f t="shared" si="3"/>
        <v>4.0666666666666664</v>
      </c>
      <c r="C246">
        <v>0</v>
      </c>
      <c r="D246">
        <v>14.4</v>
      </c>
      <c r="E246">
        <v>326.08695652173901</v>
      </c>
    </row>
    <row r="247" spans="1:5" x14ac:dyDescent="0.25">
      <c r="A247">
        <v>14700</v>
      </c>
      <c r="B247">
        <f t="shared" si="3"/>
        <v>4.083333333333333</v>
      </c>
      <c r="C247">
        <v>0</v>
      </c>
      <c r="D247">
        <v>14.4</v>
      </c>
      <c r="E247">
        <v>326.08695652173901</v>
      </c>
    </row>
    <row r="248" spans="1:5" x14ac:dyDescent="0.25">
      <c r="A248">
        <v>14760</v>
      </c>
      <c r="B248">
        <f t="shared" si="3"/>
        <v>4.0999999999999996</v>
      </c>
      <c r="C248">
        <v>0</v>
      </c>
      <c r="D248">
        <v>14.4</v>
      </c>
      <c r="E248">
        <v>326.08695652173901</v>
      </c>
    </row>
    <row r="249" spans="1:5" x14ac:dyDescent="0.25">
      <c r="A249">
        <v>14820</v>
      </c>
      <c r="B249">
        <f t="shared" si="3"/>
        <v>4.1166666666666663</v>
      </c>
      <c r="C249">
        <v>0</v>
      </c>
      <c r="D249">
        <v>14.4</v>
      </c>
      <c r="E249">
        <v>326.08695652173901</v>
      </c>
    </row>
    <row r="250" spans="1:5" x14ac:dyDescent="0.25">
      <c r="A250">
        <v>14880</v>
      </c>
      <c r="B250">
        <f t="shared" si="3"/>
        <v>4.1333333333333337</v>
      </c>
      <c r="C250">
        <v>0</v>
      </c>
      <c r="D250">
        <v>14.4</v>
      </c>
      <c r="E250">
        <v>326.08695652173901</v>
      </c>
    </row>
    <row r="251" spans="1:5" x14ac:dyDescent="0.25">
      <c r="A251">
        <v>14940</v>
      </c>
      <c r="B251">
        <f t="shared" si="3"/>
        <v>4.1500000000000004</v>
      </c>
      <c r="C251">
        <v>0</v>
      </c>
      <c r="D251">
        <v>14.4</v>
      </c>
      <c r="E251">
        <v>326.08695652173901</v>
      </c>
    </row>
    <row r="252" spans="1:5" x14ac:dyDescent="0.25">
      <c r="A252">
        <v>15000</v>
      </c>
      <c r="B252">
        <f t="shared" si="3"/>
        <v>4.166666666666667</v>
      </c>
      <c r="C252">
        <v>0</v>
      </c>
      <c r="D252">
        <v>14.4</v>
      </c>
      <c r="E252">
        <v>326.08695652173901</v>
      </c>
    </row>
    <row r="253" spans="1:5" x14ac:dyDescent="0.25">
      <c r="A253">
        <v>15060</v>
      </c>
      <c r="B253">
        <f t="shared" si="3"/>
        <v>4.1833333333333336</v>
      </c>
      <c r="C253">
        <v>0</v>
      </c>
      <c r="D253">
        <v>14.4</v>
      </c>
      <c r="E253">
        <v>326.08695652173901</v>
      </c>
    </row>
    <row r="254" spans="1:5" x14ac:dyDescent="0.25">
      <c r="A254">
        <v>15120</v>
      </c>
      <c r="B254">
        <f t="shared" si="3"/>
        <v>4.2</v>
      </c>
      <c r="C254">
        <v>0</v>
      </c>
      <c r="D254">
        <v>14.3</v>
      </c>
      <c r="E254">
        <v>326.08695652173901</v>
      </c>
    </row>
    <row r="255" spans="1:5" x14ac:dyDescent="0.25">
      <c r="A255">
        <v>15180</v>
      </c>
      <c r="B255">
        <f t="shared" si="3"/>
        <v>4.2166666666666668</v>
      </c>
      <c r="C255">
        <v>0</v>
      </c>
      <c r="D255">
        <v>14.3</v>
      </c>
      <c r="E255">
        <v>326.08695652173901</v>
      </c>
    </row>
    <row r="256" spans="1:5" x14ac:dyDescent="0.25">
      <c r="A256">
        <v>15240</v>
      </c>
      <c r="B256">
        <f t="shared" si="3"/>
        <v>4.2333333333333334</v>
      </c>
      <c r="C256">
        <v>0</v>
      </c>
      <c r="D256">
        <v>14.3</v>
      </c>
      <c r="E256">
        <v>326.08695652173901</v>
      </c>
    </row>
    <row r="257" spans="1:5" x14ac:dyDescent="0.25">
      <c r="A257">
        <v>15300</v>
      </c>
      <c r="B257">
        <f t="shared" si="3"/>
        <v>4.25</v>
      </c>
      <c r="C257">
        <v>0</v>
      </c>
      <c r="D257">
        <v>14.3</v>
      </c>
      <c r="E257">
        <v>326.08695652173901</v>
      </c>
    </row>
    <row r="258" spans="1:5" x14ac:dyDescent="0.25">
      <c r="A258">
        <v>15360</v>
      </c>
      <c r="B258">
        <f t="shared" si="3"/>
        <v>4.2666666666666666</v>
      </c>
      <c r="C258">
        <v>0</v>
      </c>
      <c r="D258">
        <v>14.3</v>
      </c>
      <c r="E258">
        <v>326.08695652173901</v>
      </c>
    </row>
    <row r="259" spans="1:5" x14ac:dyDescent="0.25">
      <c r="A259">
        <v>15420</v>
      </c>
      <c r="B259">
        <f t="shared" ref="B259:B322" si="4">A259/3600</f>
        <v>4.2833333333333332</v>
      </c>
      <c r="C259">
        <v>0</v>
      </c>
      <c r="D259">
        <v>14.3</v>
      </c>
      <c r="E259">
        <v>326.08695652173901</v>
      </c>
    </row>
    <row r="260" spans="1:5" x14ac:dyDescent="0.25">
      <c r="A260">
        <v>15480</v>
      </c>
      <c r="B260">
        <f t="shared" si="4"/>
        <v>4.3</v>
      </c>
      <c r="C260">
        <v>0</v>
      </c>
      <c r="D260">
        <v>14.3</v>
      </c>
      <c r="E260">
        <v>326.08695652173901</v>
      </c>
    </row>
    <row r="261" spans="1:5" x14ac:dyDescent="0.25">
      <c r="A261">
        <v>15540</v>
      </c>
      <c r="B261">
        <f t="shared" si="4"/>
        <v>4.3166666666666664</v>
      </c>
      <c r="C261">
        <v>0</v>
      </c>
      <c r="D261">
        <v>14.3</v>
      </c>
      <c r="E261">
        <v>326.08695652173901</v>
      </c>
    </row>
    <row r="262" spans="1:5" x14ac:dyDescent="0.25">
      <c r="A262">
        <v>15600</v>
      </c>
      <c r="B262">
        <f t="shared" si="4"/>
        <v>4.333333333333333</v>
      </c>
      <c r="C262">
        <v>0</v>
      </c>
      <c r="D262">
        <v>14.3</v>
      </c>
      <c r="E262">
        <v>326.08695652173901</v>
      </c>
    </row>
    <row r="263" spans="1:5" x14ac:dyDescent="0.25">
      <c r="A263">
        <v>15660</v>
      </c>
      <c r="B263">
        <f t="shared" si="4"/>
        <v>4.3499999999999996</v>
      </c>
      <c r="C263">
        <v>0</v>
      </c>
      <c r="D263">
        <v>14.3</v>
      </c>
      <c r="E263">
        <v>326.08695652173901</v>
      </c>
    </row>
    <row r="264" spans="1:5" x14ac:dyDescent="0.25">
      <c r="A264">
        <v>15720</v>
      </c>
      <c r="B264">
        <f t="shared" si="4"/>
        <v>4.3666666666666663</v>
      </c>
      <c r="C264">
        <v>0</v>
      </c>
      <c r="D264">
        <v>14.3</v>
      </c>
      <c r="E264">
        <v>326.08695652173901</v>
      </c>
    </row>
    <row r="265" spans="1:5" x14ac:dyDescent="0.25">
      <c r="A265">
        <v>15780</v>
      </c>
      <c r="B265">
        <f t="shared" si="4"/>
        <v>4.3833333333333337</v>
      </c>
      <c r="C265">
        <v>0</v>
      </c>
      <c r="D265">
        <v>14.3</v>
      </c>
      <c r="E265">
        <v>326.08695652173901</v>
      </c>
    </row>
    <row r="266" spans="1:5" x14ac:dyDescent="0.25">
      <c r="A266">
        <v>15840</v>
      </c>
      <c r="B266">
        <f t="shared" si="4"/>
        <v>4.4000000000000004</v>
      </c>
      <c r="C266">
        <v>0</v>
      </c>
      <c r="D266">
        <v>14.3</v>
      </c>
      <c r="E266">
        <v>326.08695652173901</v>
      </c>
    </row>
    <row r="267" spans="1:5" x14ac:dyDescent="0.25">
      <c r="A267">
        <v>15900</v>
      </c>
      <c r="B267">
        <f t="shared" si="4"/>
        <v>4.416666666666667</v>
      </c>
      <c r="C267">
        <v>0</v>
      </c>
      <c r="D267">
        <v>14.3</v>
      </c>
      <c r="E267">
        <v>326.08695652173901</v>
      </c>
    </row>
    <row r="268" spans="1:5" x14ac:dyDescent="0.25">
      <c r="A268">
        <v>15960</v>
      </c>
      <c r="B268">
        <f t="shared" si="4"/>
        <v>4.4333333333333336</v>
      </c>
      <c r="C268">
        <v>0</v>
      </c>
      <c r="D268">
        <v>14.3</v>
      </c>
      <c r="E268">
        <v>326.08695652173901</v>
      </c>
    </row>
    <row r="269" spans="1:5" x14ac:dyDescent="0.25">
      <c r="A269">
        <v>16020</v>
      </c>
      <c r="B269">
        <f t="shared" si="4"/>
        <v>4.45</v>
      </c>
      <c r="C269">
        <v>0</v>
      </c>
      <c r="D269">
        <v>14.3</v>
      </c>
      <c r="E269">
        <v>326.08695652173901</v>
      </c>
    </row>
    <row r="270" spans="1:5" x14ac:dyDescent="0.25">
      <c r="A270">
        <v>16080</v>
      </c>
      <c r="B270">
        <f t="shared" si="4"/>
        <v>4.4666666666666668</v>
      </c>
      <c r="C270">
        <v>0</v>
      </c>
      <c r="D270">
        <v>14.3</v>
      </c>
      <c r="E270">
        <v>326.08695652173901</v>
      </c>
    </row>
    <row r="271" spans="1:5" x14ac:dyDescent="0.25">
      <c r="A271">
        <v>16140</v>
      </c>
      <c r="B271">
        <f t="shared" si="4"/>
        <v>4.4833333333333334</v>
      </c>
      <c r="C271">
        <v>0</v>
      </c>
      <c r="D271">
        <v>14.3</v>
      </c>
      <c r="E271">
        <v>326.08695652173901</v>
      </c>
    </row>
    <row r="272" spans="1:5" x14ac:dyDescent="0.25">
      <c r="A272">
        <v>16200</v>
      </c>
      <c r="B272">
        <f t="shared" si="4"/>
        <v>4.5</v>
      </c>
      <c r="C272">
        <v>0</v>
      </c>
      <c r="D272">
        <v>14.2</v>
      </c>
      <c r="E272">
        <v>326.08695652173901</v>
      </c>
    </row>
    <row r="273" spans="1:5" x14ac:dyDescent="0.25">
      <c r="A273">
        <v>16260</v>
      </c>
      <c r="B273">
        <f t="shared" si="4"/>
        <v>4.5166666666666666</v>
      </c>
      <c r="C273">
        <v>0</v>
      </c>
      <c r="D273">
        <v>14.2</v>
      </c>
      <c r="E273">
        <v>326.08695652173901</v>
      </c>
    </row>
    <row r="274" spans="1:5" x14ac:dyDescent="0.25">
      <c r="A274">
        <v>16320</v>
      </c>
      <c r="B274">
        <f t="shared" si="4"/>
        <v>4.5333333333333332</v>
      </c>
      <c r="C274">
        <v>0</v>
      </c>
      <c r="D274">
        <v>14.2</v>
      </c>
      <c r="E274">
        <v>326.08695652173901</v>
      </c>
    </row>
    <row r="275" spans="1:5" x14ac:dyDescent="0.25">
      <c r="A275">
        <v>16380</v>
      </c>
      <c r="B275">
        <f t="shared" si="4"/>
        <v>4.55</v>
      </c>
      <c r="C275">
        <v>0</v>
      </c>
      <c r="D275">
        <v>14.2</v>
      </c>
      <c r="E275">
        <v>326.08695652173901</v>
      </c>
    </row>
    <row r="276" spans="1:5" x14ac:dyDescent="0.25">
      <c r="A276">
        <v>16440</v>
      </c>
      <c r="B276">
        <f t="shared" si="4"/>
        <v>4.5666666666666664</v>
      </c>
      <c r="C276">
        <v>0</v>
      </c>
      <c r="D276">
        <v>14.2</v>
      </c>
      <c r="E276">
        <v>326.08695652173901</v>
      </c>
    </row>
    <row r="277" spans="1:5" x14ac:dyDescent="0.25">
      <c r="A277">
        <v>16500</v>
      </c>
      <c r="B277">
        <f t="shared" si="4"/>
        <v>4.583333333333333</v>
      </c>
      <c r="C277">
        <v>0</v>
      </c>
      <c r="D277">
        <v>14.2</v>
      </c>
      <c r="E277">
        <v>326.08695652173901</v>
      </c>
    </row>
    <row r="278" spans="1:5" x14ac:dyDescent="0.25">
      <c r="A278">
        <v>16560</v>
      </c>
      <c r="B278">
        <f t="shared" si="4"/>
        <v>4.5999999999999996</v>
      </c>
      <c r="C278">
        <v>0</v>
      </c>
      <c r="D278">
        <v>14.2</v>
      </c>
      <c r="E278">
        <v>326.08695652173901</v>
      </c>
    </row>
    <row r="279" spans="1:5" x14ac:dyDescent="0.25">
      <c r="A279">
        <v>16620</v>
      </c>
      <c r="B279">
        <f t="shared" si="4"/>
        <v>4.6166666666666663</v>
      </c>
      <c r="C279">
        <v>0</v>
      </c>
      <c r="D279">
        <v>14.2</v>
      </c>
      <c r="E279">
        <v>326.08695652173901</v>
      </c>
    </row>
    <row r="280" spans="1:5" x14ac:dyDescent="0.25">
      <c r="A280">
        <v>16680</v>
      </c>
      <c r="B280">
        <f t="shared" si="4"/>
        <v>4.6333333333333337</v>
      </c>
      <c r="C280">
        <v>0</v>
      </c>
      <c r="D280">
        <v>14.2</v>
      </c>
      <c r="E280">
        <v>326.08695652173901</v>
      </c>
    </row>
    <row r="281" spans="1:5" x14ac:dyDescent="0.25">
      <c r="A281">
        <v>16740</v>
      </c>
      <c r="B281">
        <f t="shared" si="4"/>
        <v>4.6500000000000004</v>
      </c>
      <c r="C281">
        <v>0</v>
      </c>
      <c r="D281">
        <v>14.2</v>
      </c>
      <c r="E281">
        <v>326.08695652173901</v>
      </c>
    </row>
    <row r="282" spans="1:5" x14ac:dyDescent="0.25">
      <c r="A282">
        <v>16800</v>
      </c>
      <c r="B282">
        <f t="shared" si="4"/>
        <v>4.666666666666667</v>
      </c>
      <c r="C282">
        <v>0</v>
      </c>
      <c r="D282">
        <v>14.2</v>
      </c>
      <c r="E282">
        <v>326.08695652173901</v>
      </c>
    </row>
    <row r="283" spans="1:5" x14ac:dyDescent="0.25">
      <c r="A283">
        <v>16860</v>
      </c>
      <c r="B283">
        <f t="shared" si="4"/>
        <v>4.6833333333333336</v>
      </c>
      <c r="C283">
        <v>0</v>
      </c>
      <c r="D283">
        <v>14.2</v>
      </c>
      <c r="E283">
        <v>326.08695652173901</v>
      </c>
    </row>
    <row r="284" spans="1:5" x14ac:dyDescent="0.25">
      <c r="A284">
        <v>16920</v>
      </c>
      <c r="B284">
        <f t="shared" si="4"/>
        <v>4.7</v>
      </c>
      <c r="C284">
        <v>0</v>
      </c>
      <c r="D284">
        <v>14.2</v>
      </c>
      <c r="E284">
        <v>326.08695652173901</v>
      </c>
    </row>
    <row r="285" spans="1:5" x14ac:dyDescent="0.25">
      <c r="A285">
        <v>16980</v>
      </c>
      <c r="B285">
        <f t="shared" si="4"/>
        <v>4.7166666666666668</v>
      </c>
      <c r="C285">
        <v>0</v>
      </c>
      <c r="D285">
        <v>14.2</v>
      </c>
      <c r="E285">
        <v>326.08695652173901</v>
      </c>
    </row>
    <row r="286" spans="1:5" x14ac:dyDescent="0.25">
      <c r="A286">
        <v>17040</v>
      </c>
      <c r="B286">
        <f t="shared" si="4"/>
        <v>4.7333333333333334</v>
      </c>
      <c r="C286">
        <v>0</v>
      </c>
      <c r="D286">
        <v>14.2</v>
      </c>
      <c r="E286">
        <v>326.08695652173901</v>
      </c>
    </row>
    <row r="287" spans="1:5" x14ac:dyDescent="0.25">
      <c r="A287">
        <v>17100</v>
      </c>
      <c r="B287">
        <f t="shared" si="4"/>
        <v>4.75</v>
      </c>
      <c r="C287">
        <v>0</v>
      </c>
      <c r="D287">
        <v>14.2</v>
      </c>
      <c r="E287">
        <v>326.08695652173901</v>
      </c>
    </row>
    <row r="288" spans="1:5" x14ac:dyDescent="0.25">
      <c r="A288">
        <v>17160</v>
      </c>
      <c r="B288">
        <f t="shared" si="4"/>
        <v>4.7666666666666666</v>
      </c>
      <c r="C288">
        <v>0</v>
      </c>
      <c r="D288">
        <v>14.2</v>
      </c>
      <c r="E288">
        <v>326.08695652173901</v>
      </c>
    </row>
    <row r="289" spans="1:5" x14ac:dyDescent="0.25">
      <c r="A289">
        <v>17220</v>
      </c>
      <c r="B289">
        <f t="shared" si="4"/>
        <v>4.7833333333333332</v>
      </c>
      <c r="C289">
        <v>0</v>
      </c>
      <c r="D289">
        <v>14.2</v>
      </c>
      <c r="E289">
        <v>326.08695652173901</v>
      </c>
    </row>
    <row r="290" spans="1:5" x14ac:dyDescent="0.25">
      <c r="A290">
        <v>17280</v>
      </c>
      <c r="B290">
        <f t="shared" si="4"/>
        <v>4.8</v>
      </c>
      <c r="C290">
        <v>0</v>
      </c>
      <c r="D290">
        <v>14.2</v>
      </c>
      <c r="E290">
        <v>326.08695652173901</v>
      </c>
    </row>
    <row r="291" spans="1:5" x14ac:dyDescent="0.25">
      <c r="A291">
        <v>17340</v>
      </c>
      <c r="B291">
        <f t="shared" si="4"/>
        <v>4.8166666666666664</v>
      </c>
      <c r="C291">
        <v>0</v>
      </c>
      <c r="D291">
        <v>14.1</v>
      </c>
      <c r="E291">
        <v>326.08695652173901</v>
      </c>
    </row>
    <row r="292" spans="1:5" x14ac:dyDescent="0.25">
      <c r="A292">
        <v>17400</v>
      </c>
      <c r="B292">
        <f t="shared" si="4"/>
        <v>4.833333333333333</v>
      </c>
      <c r="C292">
        <v>0</v>
      </c>
      <c r="D292">
        <v>14.1</v>
      </c>
      <c r="E292">
        <v>326.08695652173901</v>
      </c>
    </row>
    <row r="293" spans="1:5" x14ac:dyDescent="0.25">
      <c r="A293">
        <v>17460</v>
      </c>
      <c r="B293">
        <f t="shared" si="4"/>
        <v>4.8499999999999996</v>
      </c>
      <c r="C293">
        <v>0</v>
      </c>
      <c r="D293">
        <v>14.1</v>
      </c>
      <c r="E293">
        <v>326.08695652173901</v>
      </c>
    </row>
    <row r="294" spans="1:5" x14ac:dyDescent="0.25">
      <c r="A294">
        <v>17520</v>
      </c>
      <c r="B294">
        <f t="shared" si="4"/>
        <v>4.8666666666666663</v>
      </c>
      <c r="C294">
        <v>0</v>
      </c>
      <c r="D294">
        <v>14.1</v>
      </c>
      <c r="E294">
        <v>326.08695652173901</v>
      </c>
    </row>
    <row r="295" spans="1:5" x14ac:dyDescent="0.25">
      <c r="A295">
        <v>17580</v>
      </c>
      <c r="B295">
        <f t="shared" si="4"/>
        <v>4.8833333333333337</v>
      </c>
      <c r="C295">
        <v>0</v>
      </c>
      <c r="D295">
        <v>14.1</v>
      </c>
      <c r="E295">
        <v>326.08695652173901</v>
      </c>
    </row>
    <row r="296" spans="1:5" x14ac:dyDescent="0.25">
      <c r="A296">
        <v>17640</v>
      </c>
      <c r="B296">
        <f t="shared" si="4"/>
        <v>4.9000000000000004</v>
      </c>
      <c r="C296">
        <v>0</v>
      </c>
      <c r="D296">
        <v>14.1</v>
      </c>
      <c r="E296">
        <v>326.08695652173901</v>
      </c>
    </row>
    <row r="297" spans="1:5" x14ac:dyDescent="0.25">
      <c r="A297">
        <v>17700</v>
      </c>
      <c r="B297">
        <f t="shared" si="4"/>
        <v>4.916666666666667</v>
      </c>
      <c r="C297">
        <v>0</v>
      </c>
      <c r="D297">
        <v>14.1</v>
      </c>
      <c r="E297">
        <v>326.08695652173901</v>
      </c>
    </row>
    <row r="298" spans="1:5" x14ac:dyDescent="0.25">
      <c r="A298">
        <v>17760</v>
      </c>
      <c r="B298">
        <f t="shared" si="4"/>
        <v>4.9333333333333336</v>
      </c>
      <c r="C298">
        <v>0</v>
      </c>
      <c r="D298">
        <v>14.1</v>
      </c>
      <c r="E298">
        <v>326.08695652173901</v>
      </c>
    </row>
    <row r="299" spans="1:5" x14ac:dyDescent="0.25">
      <c r="A299">
        <v>17820</v>
      </c>
      <c r="B299">
        <f t="shared" si="4"/>
        <v>4.95</v>
      </c>
      <c r="C299">
        <v>0</v>
      </c>
      <c r="D299">
        <v>14.1</v>
      </c>
      <c r="E299">
        <v>326.08695652173901</v>
      </c>
    </row>
    <row r="300" spans="1:5" x14ac:dyDescent="0.25">
      <c r="A300">
        <v>17880</v>
      </c>
      <c r="B300">
        <f t="shared" si="4"/>
        <v>4.9666666666666668</v>
      </c>
      <c r="C300">
        <v>0</v>
      </c>
      <c r="D300">
        <v>14.1</v>
      </c>
      <c r="E300">
        <v>326.08695652173901</v>
      </c>
    </row>
    <row r="301" spans="1:5" x14ac:dyDescent="0.25">
      <c r="A301">
        <v>17940</v>
      </c>
      <c r="B301">
        <f t="shared" si="4"/>
        <v>4.9833333333333334</v>
      </c>
      <c r="C301">
        <v>0</v>
      </c>
      <c r="D301">
        <v>14.1</v>
      </c>
      <c r="E301">
        <v>326.08695652173901</v>
      </c>
    </row>
    <row r="302" spans="1:5" x14ac:dyDescent="0.25">
      <c r="A302">
        <v>18000</v>
      </c>
      <c r="B302">
        <f t="shared" si="4"/>
        <v>5</v>
      </c>
      <c r="C302">
        <v>0</v>
      </c>
      <c r="D302">
        <v>14</v>
      </c>
      <c r="E302">
        <v>326.08695652173901</v>
      </c>
    </row>
    <row r="303" spans="1:5" x14ac:dyDescent="0.25">
      <c r="A303">
        <v>18060</v>
      </c>
      <c r="B303">
        <f t="shared" si="4"/>
        <v>5.0166666666666666</v>
      </c>
      <c r="C303">
        <v>0</v>
      </c>
      <c r="D303">
        <v>14</v>
      </c>
      <c r="E303">
        <v>329.71014492753602</v>
      </c>
    </row>
    <row r="304" spans="1:5" x14ac:dyDescent="0.25">
      <c r="A304">
        <v>18120</v>
      </c>
      <c r="B304">
        <f t="shared" si="4"/>
        <v>5.0333333333333332</v>
      </c>
      <c r="C304">
        <v>0</v>
      </c>
      <c r="D304">
        <v>14</v>
      </c>
      <c r="E304">
        <v>333.33333333333297</v>
      </c>
    </row>
    <row r="305" spans="1:5" x14ac:dyDescent="0.25">
      <c r="A305">
        <v>18180</v>
      </c>
      <c r="B305">
        <f t="shared" si="4"/>
        <v>5.05</v>
      </c>
      <c r="C305">
        <v>0</v>
      </c>
      <c r="D305">
        <v>14</v>
      </c>
      <c r="E305">
        <v>336.95652173912998</v>
      </c>
    </row>
    <row r="306" spans="1:5" x14ac:dyDescent="0.25">
      <c r="A306">
        <v>18240</v>
      </c>
      <c r="B306">
        <f t="shared" si="4"/>
        <v>5.0666666666666664</v>
      </c>
      <c r="C306">
        <v>0</v>
      </c>
      <c r="D306">
        <v>14</v>
      </c>
      <c r="E306">
        <v>340.57971014492801</v>
      </c>
    </row>
    <row r="307" spans="1:5" x14ac:dyDescent="0.25">
      <c r="A307">
        <v>18300</v>
      </c>
      <c r="B307">
        <f t="shared" si="4"/>
        <v>5.083333333333333</v>
      </c>
      <c r="C307">
        <v>0</v>
      </c>
      <c r="D307">
        <v>14</v>
      </c>
      <c r="E307">
        <v>344.20289855072502</v>
      </c>
    </row>
    <row r="308" spans="1:5" x14ac:dyDescent="0.25">
      <c r="A308">
        <v>18360</v>
      </c>
      <c r="B308">
        <f t="shared" si="4"/>
        <v>5.0999999999999996</v>
      </c>
      <c r="C308">
        <v>0</v>
      </c>
      <c r="D308">
        <v>14</v>
      </c>
      <c r="E308">
        <v>347.82608695652198</v>
      </c>
    </row>
    <row r="309" spans="1:5" x14ac:dyDescent="0.25">
      <c r="A309">
        <v>18420</v>
      </c>
      <c r="B309">
        <f t="shared" si="4"/>
        <v>5.1166666666666663</v>
      </c>
      <c r="C309">
        <v>0</v>
      </c>
      <c r="D309">
        <v>14</v>
      </c>
      <c r="E309">
        <v>351.44927536231899</v>
      </c>
    </row>
    <row r="310" spans="1:5" x14ac:dyDescent="0.25">
      <c r="A310">
        <v>18480</v>
      </c>
      <c r="B310">
        <f t="shared" si="4"/>
        <v>5.1333333333333337</v>
      </c>
      <c r="C310">
        <v>0</v>
      </c>
      <c r="D310">
        <v>14</v>
      </c>
      <c r="E310">
        <v>355.07246376811599</v>
      </c>
    </row>
    <row r="311" spans="1:5" x14ac:dyDescent="0.25">
      <c r="A311">
        <v>18540</v>
      </c>
      <c r="B311">
        <f t="shared" si="4"/>
        <v>5.15</v>
      </c>
      <c r="C311">
        <v>0</v>
      </c>
      <c r="D311">
        <v>14</v>
      </c>
      <c r="E311">
        <v>358.695652173913</v>
      </c>
    </row>
    <row r="312" spans="1:5" x14ac:dyDescent="0.25">
      <c r="A312">
        <v>18600</v>
      </c>
      <c r="B312">
        <f t="shared" si="4"/>
        <v>5.166666666666667</v>
      </c>
      <c r="C312">
        <v>100</v>
      </c>
      <c r="D312">
        <v>14</v>
      </c>
      <c r="E312">
        <v>362.31884057971001</v>
      </c>
    </row>
    <row r="313" spans="1:5" x14ac:dyDescent="0.25">
      <c r="A313">
        <v>18660</v>
      </c>
      <c r="B313">
        <f t="shared" si="4"/>
        <v>5.1833333333333336</v>
      </c>
      <c r="C313">
        <v>150</v>
      </c>
      <c r="D313">
        <v>14</v>
      </c>
      <c r="E313">
        <v>365.94202898550702</v>
      </c>
    </row>
    <row r="314" spans="1:5" x14ac:dyDescent="0.25">
      <c r="A314">
        <v>18720</v>
      </c>
      <c r="B314">
        <f t="shared" si="4"/>
        <v>5.2</v>
      </c>
      <c r="C314">
        <v>299</v>
      </c>
      <c r="D314">
        <v>14</v>
      </c>
      <c r="E314">
        <v>369.56521739130397</v>
      </c>
    </row>
    <row r="315" spans="1:5" x14ac:dyDescent="0.25">
      <c r="A315">
        <v>18780</v>
      </c>
      <c r="B315">
        <f t="shared" si="4"/>
        <v>5.2166666666666668</v>
      </c>
      <c r="C315">
        <v>549</v>
      </c>
      <c r="D315">
        <v>14</v>
      </c>
      <c r="E315">
        <v>373.18840579710201</v>
      </c>
    </row>
    <row r="316" spans="1:5" x14ac:dyDescent="0.25">
      <c r="A316">
        <v>18840</v>
      </c>
      <c r="B316">
        <f t="shared" si="4"/>
        <v>5.2333333333333334</v>
      </c>
      <c r="C316">
        <v>650</v>
      </c>
      <c r="D316">
        <v>14</v>
      </c>
      <c r="E316">
        <v>376.81159420289902</v>
      </c>
    </row>
    <row r="317" spans="1:5" x14ac:dyDescent="0.25">
      <c r="A317">
        <v>18900</v>
      </c>
      <c r="B317">
        <f t="shared" si="4"/>
        <v>5.25</v>
      </c>
      <c r="C317">
        <v>700</v>
      </c>
      <c r="D317">
        <v>14</v>
      </c>
      <c r="E317">
        <v>380.43478260869603</v>
      </c>
    </row>
    <row r="318" spans="1:5" x14ac:dyDescent="0.25">
      <c r="A318">
        <v>18960</v>
      </c>
      <c r="B318">
        <f t="shared" si="4"/>
        <v>5.2666666666666666</v>
      </c>
      <c r="C318">
        <v>900</v>
      </c>
      <c r="D318">
        <v>14</v>
      </c>
      <c r="E318">
        <v>384.05797101449298</v>
      </c>
    </row>
    <row r="319" spans="1:5" x14ac:dyDescent="0.25">
      <c r="A319">
        <v>19020</v>
      </c>
      <c r="B319">
        <f t="shared" si="4"/>
        <v>5.2833333333333332</v>
      </c>
      <c r="C319">
        <v>1150</v>
      </c>
      <c r="D319">
        <v>14</v>
      </c>
      <c r="E319">
        <v>387.68115942028999</v>
      </c>
    </row>
    <row r="320" spans="1:5" x14ac:dyDescent="0.25">
      <c r="A320">
        <v>19080</v>
      </c>
      <c r="B320">
        <f t="shared" si="4"/>
        <v>5.3</v>
      </c>
      <c r="C320">
        <v>1250</v>
      </c>
      <c r="D320">
        <v>14</v>
      </c>
      <c r="E320">
        <v>391.304347826087</v>
      </c>
    </row>
    <row r="321" spans="1:5" x14ac:dyDescent="0.25">
      <c r="A321">
        <v>19140</v>
      </c>
      <c r="B321">
        <f t="shared" si="4"/>
        <v>5.3166666666666664</v>
      </c>
      <c r="C321">
        <v>1400</v>
      </c>
      <c r="D321">
        <v>14</v>
      </c>
      <c r="E321">
        <v>394.92753623188401</v>
      </c>
    </row>
    <row r="322" spans="1:5" x14ac:dyDescent="0.25">
      <c r="A322">
        <v>19200</v>
      </c>
      <c r="B322">
        <f t="shared" si="4"/>
        <v>5.333333333333333</v>
      </c>
      <c r="C322">
        <v>1800</v>
      </c>
      <c r="D322">
        <v>14</v>
      </c>
      <c r="E322">
        <v>398.55072463768101</v>
      </c>
    </row>
    <row r="323" spans="1:5" x14ac:dyDescent="0.25">
      <c r="A323">
        <v>19260</v>
      </c>
      <c r="B323">
        <f t="shared" ref="B323:B386" si="5">A323/3600</f>
        <v>5.35</v>
      </c>
      <c r="C323">
        <v>1850</v>
      </c>
      <c r="D323">
        <v>14</v>
      </c>
      <c r="E323">
        <v>402.17391304347802</v>
      </c>
    </row>
    <row r="324" spans="1:5" x14ac:dyDescent="0.25">
      <c r="A324">
        <v>19320</v>
      </c>
      <c r="B324">
        <f t="shared" si="5"/>
        <v>5.3666666666666663</v>
      </c>
      <c r="C324">
        <v>2199</v>
      </c>
      <c r="D324">
        <v>14</v>
      </c>
      <c r="E324">
        <v>405.79710144927498</v>
      </c>
    </row>
    <row r="325" spans="1:5" x14ac:dyDescent="0.25">
      <c r="A325">
        <v>19380</v>
      </c>
      <c r="B325">
        <f t="shared" si="5"/>
        <v>5.3833333333333337</v>
      </c>
      <c r="C325">
        <v>2450</v>
      </c>
      <c r="D325">
        <v>14</v>
      </c>
      <c r="E325">
        <v>409.42028985507301</v>
      </c>
    </row>
    <row r="326" spans="1:5" x14ac:dyDescent="0.25">
      <c r="A326">
        <v>19440</v>
      </c>
      <c r="B326">
        <f t="shared" si="5"/>
        <v>5.4</v>
      </c>
      <c r="C326">
        <v>2800</v>
      </c>
      <c r="D326">
        <v>13.9</v>
      </c>
      <c r="E326">
        <v>413.04347826087002</v>
      </c>
    </row>
    <row r="327" spans="1:5" x14ac:dyDescent="0.25">
      <c r="A327">
        <v>19500</v>
      </c>
      <c r="B327">
        <f t="shared" si="5"/>
        <v>5.416666666666667</v>
      </c>
      <c r="C327">
        <v>3149</v>
      </c>
      <c r="D327">
        <v>13.9</v>
      </c>
      <c r="E327">
        <v>416.66666666666703</v>
      </c>
    </row>
    <row r="328" spans="1:5" x14ac:dyDescent="0.25">
      <c r="A328">
        <v>19560</v>
      </c>
      <c r="B328">
        <f t="shared" si="5"/>
        <v>5.4333333333333336</v>
      </c>
      <c r="C328">
        <v>3300</v>
      </c>
      <c r="D328">
        <v>14</v>
      </c>
      <c r="E328">
        <v>420.28985507246398</v>
      </c>
    </row>
    <row r="329" spans="1:5" x14ac:dyDescent="0.25">
      <c r="A329">
        <v>19620</v>
      </c>
      <c r="B329">
        <f t="shared" si="5"/>
        <v>5.45</v>
      </c>
      <c r="C329">
        <v>3850</v>
      </c>
      <c r="D329">
        <v>14</v>
      </c>
      <c r="E329">
        <v>423.91304347826099</v>
      </c>
    </row>
    <row r="330" spans="1:5" x14ac:dyDescent="0.25">
      <c r="A330">
        <v>19680</v>
      </c>
      <c r="B330">
        <f t="shared" si="5"/>
        <v>5.4666666666666668</v>
      </c>
      <c r="C330">
        <v>3750</v>
      </c>
      <c r="D330">
        <v>14</v>
      </c>
      <c r="E330">
        <v>427.536231884058</v>
      </c>
    </row>
    <row r="331" spans="1:5" x14ac:dyDescent="0.25">
      <c r="A331">
        <v>19740</v>
      </c>
      <c r="B331">
        <f t="shared" si="5"/>
        <v>5.4833333333333334</v>
      </c>
      <c r="C331">
        <v>3899</v>
      </c>
      <c r="D331">
        <v>14</v>
      </c>
      <c r="E331">
        <v>431.15942028985501</v>
      </c>
    </row>
    <row r="332" spans="1:5" x14ac:dyDescent="0.25">
      <c r="A332">
        <v>19800</v>
      </c>
      <c r="B332">
        <f t="shared" si="5"/>
        <v>5.5</v>
      </c>
      <c r="C332">
        <v>4450</v>
      </c>
      <c r="D332">
        <v>13.9</v>
      </c>
      <c r="E332">
        <v>434.78260869565202</v>
      </c>
    </row>
    <row r="333" spans="1:5" x14ac:dyDescent="0.25">
      <c r="A333">
        <v>19860</v>
      </c>
      <c r="B333">
        <f t="shared" si="5"/>
        <v>5.5166666666666666</v>
      </c>
      <c r="C333">
        <v>4500</v>
      </c>
      <c r="D333">
        <v>13.9</v>
      </c>
      <c r="E333">
        <v>438.40579710144902</v>
      </c>
    </row>
    <row r="334" spans="1:5" x14ac:dyDescent="0.25">
      <c r="A334">
        <v>19920</v>
      </c>
      <c r="B334">
        <f t="shared" si="5"/>
        <v>5.5333333333333332</v>
      </c>
      <c r="C334">
        <v>4850</v>
      </c>
      <c r="D334">
        <v>13.9</v>
      </c>
      <c r="E334">
        <v>442.02898550724598</v>
      </c>
    </row>
    <row r="335" spans="1:5" x14ac:dyDescent="0.25">
      <c r="A335">
        <v>19980</v>
      </c>
      <c r="B335">
        <f t="shared" si="5"/>
        <v>5.55</v>
      </c>
      <c r="C335">
        <v>5650</v>
      </c>
      <c r="D335">
        <v>13.9</v>
      </c>
      <c r="E335">
        <v>445.65217391304401</v>
      </c>
    </row>
    <row r="336" spans="1:5" x14ac:dyDescent="0.25">
      <c r="A336">
        <v>20040</v>
      </c>
      <c r="B336">
        <f t="shared" si="5"/>
        <v>5.5666666666666664</v>
      </c>
      <c r="C336">
        <v>7899</v>
      </c>
      <c r="D336">
        <v>13.9</v>
      </c>
      <c r="E336">
        <v>449.27536231884102</v>
      </c>
    </row>
    <row r="337" spans="1:5" x14ac:dyDescent="0.25">
      <c r="A337">
        <v>20100</v>
      </c>
      <c r="B337">
        <f t="shared" si="5"/>
        <v>5.583333333333333</v>
      </c>
      <c r="C337">
        <v>11600</v>
      </c>
      <c r="D337">
        <v>13.9</v>
      </c>
      <c r="E337">
        <v>452.89855072463803</v>
      </c>
    </row>
    <row r="338" spans="1:5" x14ac:dyDescent="0.25">
      <c r="A338">
        <v>20160</v>
      </c>
      <c r="B338">
        <f t="shared" si="5"/>
        <v>5.6</v>
      </c>
      <c r="C338">
        <v>15950</v>
      </c>
      <c r="D338">
        <v>13.9</v>
      </c>
      <c r="E338">
        <v>456.52173913043498</v>
      </c>
    </row>
    <row r="339" spans="1:5" x14ac:dyDescent="0.25">
      <c r="A339">
        <v>20220</v>
      </c>
      <c r="B339">
        <f t="shared" si="5"/>
        <v>5.6166666666666663</v>
      </c>
      <c r="C339">
        <v>16550</v>
      </c>
      <c r="D339">
        <v>13.9</v>
      </c>
      <c r="E339">
        <v>460.14492753623199</v>
      </c>
    </row>
    <row r="340" spans="1:5" x14ac:dyDescent="0.25">
      <c r="A340">
        <v>20280</v>
      </c>
      <c r="B340">
        <f t="shared" si="5"/>
        <v>5.6333333333333337</v>
      </c>
      <c r="C340">
        <v>15400</v>
      </c>
      <c r="D340">
        <v>14</v>
      </c>
      <c r="E340">
        <v>463.768115942029</v>
      </c>
    </row>
    <row r="341" spans="1:5" x14ac:dyDescent="0.25">
      <c r="A341">
        <v>20340</v>
      </c>
      <c r="B341">
        <f t="shared" si="5"/>
        <v>5.65</v>
      </c>
      <c r="C341">
        <v>15500</v>
      </c>
      <c r="D341">
        <v>14</v>
      </c>
      <c r="E341">
        <v>467.39130434782601</v>
      </c>
    </row>
    <row r="342" spans="1:5" x14ac:dyDescent="0.25">
      <c r="A342">
        <v>20400</v>
      </c>
      <c r="B342">
        <f t="shared" si="5"/>
        <v>5.666666666666667</v>
      </c>
      <c r="C342">
        <v>19500</v>
      </c>
      <c r="D342">
        <v>14</v>
      </c>
      <c r="E342">
        <v>471.01449275362302</v>
      </c>
    </row>
    <row r="343" spans="1:5" x14ac:dyDescent="0.25">
      <c r="A343">
        <v>20460</v>
      </c>
      <c r="B343">
        <f t="shared" si="5"/>
        <v>5.6833333333333336</v>
      </c>
      <c r="C343">
        <v>20500</v>
      </c>
      <c r="D343">
        <v>14</v>
      </c>
      <c r="E343">
        <v>474.63768115942003</v>
      </c>
    </row>
    <row r="344" spans="1:5" x14ac:dyDescent="0.25">
      <c r="A344">
        <v>20520</v>
      </c>
      <c r="B344">
        <f t="shared" si="5"/>
        <v>5.7</v>
      </c>
      <c r="C344">
        <v>21000</v>
      </c>
      <c r="D344">
        <v>14</v>
      </c>
      <c r="E344">
        <v>478.26086956521698</v>
      </c>
    </row>
    <row r="345" spans="1:5" x14ac:dyDescent="0.25">
      <c r="A345">
        <v>20580</v>
      </c>
      <c r="B345">
        <f t="shared" si="5"/>
        <v>5.7166666666666668</v>
      </c>
      <c r="C345">
        <v>22350</v>
      </c>
      <c r="D345">
        <v>14</v>
      </c>
      <c r="E345">
        <v>481.88405797101501</v>
      </c>
    </row>
    <row r="346" spans="1:5" x14ac:dyDescent="0.25">
      <c r="A346">
        <v>20640</v>
      </c>
      <c r="B346">
        <f t="shared" si="5"/>
        <v>5.7333333333333334</v>
      </c>
      <c r="C346">
        <v>23650</v>
      </c>
      <c r="D346">
        <v>14</v>
      </c>
      <c r="E346">
        <v>485.50724637681202</v>
      </c>
    </row>
    <row r="347" spans="1:5" x14ac:dyDescent="0.25">
      <c r="A347">
        <v>20700</v>
      </c>
      <c r="B347">
        <f t="shared" si="5"/>
        <v>5.75</v>
      </c>
      <c r="C347">
        <v>24800</v>
      </c>
      <c r="D347">
        <v>14.1</v>
      </c>
      <c r="E347">
        <v>489.13043478260897</v>
      </c>
    </row>
    <row r="348" spans="1:5" x14ac:dyDescent="0.25">
      <c r="A348">
        <v>20760</v>
      </c>
      <c r="B348">
        <f t="shared" si="5"/>
        <v>5.7666666666666666</v>
      </c>
      <c r="C348">
        <v>25750</v>
      </c>
      <c r="D348">
        <v>14.1</v>
      </c>
      <c r="E348">
        <v>492.75362318840598</v>
      </c>
    </row>
    <row r="349" spans="1:5" x14ac:dyDescent="0.25">
      <c r="A349">
        <v>20820</v>
      </c>
      <c r="B349">
        <f t="shared" si="5"/>
        <v>5.7833333333333332</v>
      </c>
      <c r="C349">
        <v>26699</v>
      </c>
      <c r="D349">
        <v>14.1</v>
      </c>
      <c r="E349">
        <v>496.37681159420299</v>
      </c>
    </row>
    <row r="350" spans="1:5" x14ac:dyDescent="0.25">
      <c r="A350">
        <v>20880</v>
      </c>
      <c r="B350">
        <f t="shared" si="5"/>
        <v>5.8</v>
      </c>
      <c r="C350">
        <v>27750</v>
      </c>
      <c r="D350">
        <v>14.1</v>
      </c>
      <c r="E350">
        <v>500</v>
      </c>
    </row>
    <row r="351" spans="1:5" x14ac:dyDescent="0.25">
      <c r="A351">
        <v>20940</v>
      </c>
      <c r="B351">
        <f t="shared" si="5"/>
        <v>5.8166666666666664</v>
      </c>
      <c r="C351">
        <v>28550</v>
      </c>
      <c r="D351">
        <v>14.1</v>
      </c>
      <c r="E351">
        <v>503.62318840579701</v>
      </c>
    </row>
    <row r="352" spans="1:5" x14ac:dyDescent="0.25">
      <c r="A352">
        <v>21000</v>
      </c>
      <c r="B352">
        <f t="shared" si="5"/>
        <v>5.833333333333333</v>
      </c>
      <c r="C352">
        <v>29900</v>
      </c>
      <c r="D352">
        <v>14.1</v>
      </c>
      <c r="E352">
        <v>507.24637681159402</v>
      </c>
    </row>
    <row r="353" spans="1:5" x14ac:dyDescent="0.25">
      <c r="A353">
        <v>21060</v>
      </c>
      <c r="B353">
        <f t="shared" si="5"/>
        <v>5.85</v>
      </c>
      <c r="C353">
        <v>31000</v>
      </c>
      <c r="D353">
        <v>14.2</v>
      </c>
      <c r="E353">
        <v>510.86956521739103</v>
      </c>
    </row>
    <row r="354" spans="1:5" x14ac:dyDescent="0.25">
      <c r="A354">
        <v>21120</v>
      </c>
      <c r="B354">
        <f t="shared" si="5"/>
        <v>5.8666666666666663</v>
      </c>
      <c r="C354">
        <v>32150</v>
      </c>
      <c r="D354">
        <v>14.2</v>
      </c>
      <c r="E354">
        <v>514.49275362318895</v>
      </c>
    </row>
    <row r="355" spans="1:5" x14ac:dyDescent="0.25">
      <c r="A355">
        <v>21180</v>
      </c>
      <c r="B355">
        <f t="shared" si="5"/>
        <v>5.8833333333333337</v>
      </c>
      <c r="C355">
        <v>33450</v>
      </c>
      <c r="D355">
        <v>14.2</v>
      </c>
      <c r="E355">
        <v>518.11594202898596</v>
      </c>
    </row>
    <row r="356" spans="1:5" x14ac:dyDescent="0.25">
      <c r="A356">
        <v>21240</v>
      </c>
      <c r="B356">
        <f t="shared" si="5"/>
        <v>5.9</v>
      </c>
      <c r="C356">
        <v>34650</v>
      </c>
      <c r="D356">
        <v>14.2</v>
      </c>
      <c r="E356">
        <v>521.73913043478296</v>
      </c>
    </row>
    <row r="357" spans="1:5" x14ac:dyDescent="0.25">
      <c r="A357">
        <v>21300</v>
      </c>
      <c r="B357">
        <f t="shared" si="5"/>
        <v>5.916666666666667</v>
      </c>
      <c r="C357">
        <v>35750</v>
      </c>
      <c r="D357">
        <v>14.2</v>
      </c>
      <c r="E357">
        <v>525.36231884057997</v>
      </c>
    </row>
    <row r="358" spans="1:5" x14ac:dyDescent="0.25">
      <c r="A358">
        <v>21360</v>
      </c>
      <c r="B358">
        <f t="shared" si="5"/>
        <v>5.9333333333333336</v>
      </c>
      <c r="C358">
        <v>37000</v>
      </c>
      <c r="D358">
        <v>14.3</v>
      </c>
      <c r="E358">
        <v>528.98550724637698</v>
      </c>
    </row>
    <row r="359" spans="1:5" x14ac:dyDescent="0.25">
      <c r="A359">
        <v>21420</v>
      </c>
      <c r="B359">
        <f t="shared" si="5"/>
        <v>5.95</v>
      </c>
      <c r="C359">
        <v>38150</v>
      </c>
      <c r="D359">
        <v>14.3</v>
      </c>
      <c r="E359">
        <v>532.60869565217399</v>
      </c>
    </row>
    <row r="360" spans="1:5" x14ac:dyDescent="0.25">
      <c r="A360">
        <v>21480</v>
      </c>
      <c r="B360">
        <f t="shared" si="5"/>
        <v>5.9666666666666668</v>
      </c>
      <c r="C360">
        <v>39500</v>
      </c>
      <c r="D360">
        <v>14.3</v>
      </c>
      <c r="E360">
        <v>536.231884057971</v>
      </c>
    </row>
    <row r="361" spans="1:5" x14ac:dyDescent="0.25">
      <c r="A361">
        <v>21540</v>
      </c>
      <c r="B361">
        <f t="shared" si="5"/>
        <v>5.9833333333333334</v>
      </c>
      <c r="C361">
        <v>40750</v>
      </c>
      <c r="D361">
        <v>14.3</v>
      </c>
      <c r="E361">
        <v>539.85507246376801</v>
      </c>
    </row>
    <row r="362" spans="1:5" x14ac:dyDescent="0.25">
      <c r="A362">
        <v>21600</v>
      </c>
      <c r="B362">
        <f t="shared" si="5"/>
        <v>6</v>
      </c>
      <c r="C362">
        <v>41850</v>
      </c>
      <c r="D362">
        <v>14.4</v>
      </c>
      <c r="E362">
        <v>543.47826086956502</v>
      </c>
    </row>
    <row r="363" spans="1:5" x14ac:dyDescent="0.25">
      <c r="A363">
        <v>21660</v>
      </c>
      <c r="B363">
        <f t="shared" si="5"/>
        <v>6.0166666666666666</v>
      </c>
      <c r="C363">
        <v>43100</v>
      </c>
      <c r="D363">
        <v>14.4</v>
      </c>
      <c r="E363">
        <v>552.536231884058</v>
      </c>
    </row>
    <row r="364" spans="1:5" x14ac:dyDescent="0.25">
      <c r="A364">
        <v>21720</v>
      </c>
      <c r="B364">
        <f t="shared" si="5"/>
        <v>6.0333333333333332</v>
      </c>
      <c r="C364">
        <v>44150</v>
      </c>
      <c r="D364">
        <v>14.5</v>
      </c>
      <c r="E364">
        <v>561.59420289855098</v>
      </c>
    </row>
    <row r="365" spans="1:5" x14ac:dyDescent="0.25">
      <c r="A365">
        <v>21780</v>
      </c>
      <c r="B365">
        <f t="shared" si="5"/>
        <v>6.05</v>
      </c>
      <c r="C365">
        <v>45550</v>
      </c>
      <c r="D365">
        <v>14.5</v>
      </c>
      <c r="E365">
        <v>570.65217391304395</v>
      </c>
    </row>
    <row r="366" spans="1:5" x14ac:dyDescent="0.25">
      <c r="A366">
        <v>21840</v>
      </c>
      <c r="B366">
        <f t="shared" si="5"/>
        <v>6.0666666666666664</v>
      </c>
      <c r="C366">
        <v>46650</v>
      </c>
      <c r="D366">
        <v>14.5</v>
      </c>
      <c r="E366">
        <v>579.71014492753602</v>
      </c>
    </row>
    <row r="367" spans="1:5" x14ac:dyDescent="0.25">
      <c r="A367">
        <v>21900</v>
      </c>
      <c r="B367">
        <f t="shared" si="5"/>
        <v>6.083333333333333</v>
      </c>
      <c r="C367">
        <v>48300</v>
      </c>
      <c r="D367">
        <v>14.5</v>
      </c>
      <c r="E367">
        <v>588.768115942029</v>
      </c>
    </row>
    <row r="368" spans="1:5" x14ac:dyDescent="0.25">
      <c r="A368">
        <v>21960</v>
      </c>
      <c r="B368">
        <f t="shared" si="5"/>
        <v>6.1</v>
      </c>
      <c r="C368">
        <v>49550</v>
      </c>
      <c r="D368">
        <v>14.5</v>
      </c>
      <c r="E368">
        <v>597.82608695652198</v>
      </c>
    </row>
    <row r="369" spans="1:5" x14ac:dyDescent="0.25">
      <c r="A369">
        <v>22020</v>
      </c>
      <c r="B369">
        <f t="shared" si="5"/>
        <v>6.1166666666666663</v>
      </c>
      <c r="C369">
        <v>50850</v>
      </c>
      <c r="D369">
        <v>14.5</v>
      </c>
      <c r="E369">
        <v>606.88405797101495</v>
      </c>
    </row>
    <row r="370" spans="1:5" x14ac:dyDescent="0.25">
      <c r="A370">
        <v>22080</v>
      </c>
      <c r="B370">
        <f t="shared" si="5"/>
        <v>6.1333333333333337</v>
      </c>
      <c r="C370">
        <v>52450</v>
      </c>
      <c r="D370">
        <v>14.6</v>
      </c>
      <c r="E370">
        <v>615.94202898550702</v>
      </c>
    </row>
    <row r="371" spans="1:5" x14ac:dyDescent="0.25">
      <c r="A371">
        <v>22140</v>
      </c>
      <c r="B371">
        <f t="shared" si="5"/>
        <v>6.15</v>
      </c>
      <c r="C371">
        <v>53550</v>
      </c>
      <c r="D371">
        <v>14.6</v>
      </c>
      <c r="E371">
        <v>625</v>
      </c>
    </row>
    <row r="372" spans="1:5" x14ac:dyDescent="0.25">
      <c r="A372">
        <v>22200</v>
      </c>
      <c r="B372">
        <f t="shared" si="5"/>
        <v>6.166666666666667</v>
      </c>
      <c r="C372">
        <v>54900</v>
      </c>
      <c r="D372">
        <v>14.6</v>
      </c>
      <c r="E372">
        <v>634.05797101449298</v>
      </c>
    </row>
    <row r="373" spans="1:5" x14ac:dyDescent="0.25">
      <c r="A373">
        <v>22260</v>
      </c>
      <c r="B373">
        <f t="shared" si="5"/>
        <v>6.1833333333333336</v>
      </c>
      <c r="C373">
        <v>56300</v>
      </c>
      <c r="D373">
        <v>14.6</v>
      </c>
      <c r="E373">
        <v>643.11594202898596</v>
      </c>
    </row>
    <row r="374" spans="1:5" x14ac:dyDescent="0.25">
      <c r="A374">
        <v>22320</v>
      </c>
      <c r="B374">
        <f t="shared" si="5"/>
        <v>6.2</v>
      </c>
      <c r="C374">
        <v>57450</v>
      </c>
      <c r="D374">
        <v>14.7</v>
      </c>
      <c r="E374">
        <v>652.17391304347802</v>
      </c>
    </row>
    <row r="375" spans="1:5" x14ac:dyDescent="0.25">
      <c r="A375">
        <v>22380</v>
      </c>
      <c r="B375">
        <f t="shared" si="5"/>
        <v>6.2166666666666668</v>
      </c>
      <c r="C375">
        <v>59000</v>
      </c>
      <c r="D375">
        <v>14.7</v>
      </c>
      <c r="E375">
        <v>661.231884057971</v>
      </c>
    </row>
    <row r="376" spans="1:5" x14ac:dyDescent="0.25">
      <c r="A376">
        <v>22440</v>
      </c>
      <c r="B376">
        <f t="shared" si="5"/>
        <v>6.2333333333333334</v>
      </c>
      <c r="C376">
        <v>60150</v>
      </c>
      <c r="D376">
        <v>14.7</v>
      </c>
      <c r="E376">
        <v>670.28985507246398</v>
      </c>
    </row>
    <row r="377" spans="1:5" x14ac:dyDescent="0.25">
      <c r="A377">
        <v>22500</v>
      </c>
      <c r="B377">
        <f t="shared" si="5"/>
        <v>6.25</v>
      </c>
      <c r="C377">
        <v>61050</v>
      </c>
      <c r="D377">
        <v>14.7</v>
      </c>
      <c r="E377">
        <v>679.34782608695696</v>
      </c>
    </row>
    <row r="378" spans="1:5" x14ac:dyDescent="0.25">
      <c r="A378">
        <v>22560</v>
      </c>
      <c r="B378">
        <f t="shared" si="5"/>
        <v>6.2666666666666666</v>
      </c>
      <c r="C378">
        <v>62450</v>
      </c>
      <c r="D378">
        <v>14.8</v>
      </c>
      <c r="E378">
        <v>688.40579710144902</v>
      </c>
    </row>
    <row r="379" spans="1:5" x14ac:dyDescent="0.25">
      <c r="A379">
        <v>22620</v>
      </c>
      <c r="B379">
        <f t="shared" si="5"/>
        <v>6.2833333333333332</v>
      </c>
      <c r="C379">
        <v>63600</v>
      </c>
      <c r="D379">
        <v>14.8</v>
      </c>
      <c r="E379">
        <v>697.463768115942</v>
      </c>
    </row>
    <row r="380" spans="1:5" x14ac:dyDescent="0.25">
      <c r="A380">
        <v>22680</v>
      </c>
      <c r="B380">
        <f t="shared" si="5"/>
        <v>6.3</v>
      </c>
      <c r="C380">
        <v>65200</v>
      </c>
      <c r="D380">
        <v>14.8</v>
      </c>
      <c r="E380">
        <v>706.52173913043498</v>
      </c>
    </row>
    <row r="381" spans="1:5" x14ac:dyDescent="0.25">
      <c r="A381">
        <v>22740</v>
      </c>
      <c r="B381">
        <f t="shared" si="5"/>
        <v>6.3166666666666664</v>
      </c>
      <c r="C381">
        <v>66150</v>
      </c>
      <c r="D381">
        <v>14.8</v>
      </c>
      <c r="E381">
        <v>715.57971014492796</v>
      </c>
    </row>
    <row r="382" spans="1:5" x14ac:dyDescent="0.25">
      <c r="A382">
        <v>22800</v>
      </c>
      <c r="B382">
        <f t="shared" si="5"/>
        <v>6.333333333333333</v>
      </c>
      <c r="C382">
        <v>68100</v>
      </c>
      <c r="D382">
        <v>14.9</v>
      </c>
      <c r="E382">
        <v>724.63768115942003</v>
      </c>
    </row>
    <row r="383" spans="1:5" x14ac:dyDescent="0.25">
      <c r="A383">
        <v>22860</v>
      </c>
      <c r="B383">
        <f t="shared" si="5"/>
        <v>6.35</v>
      </c>
      <c r="C383">
        <v>69400</v>
      </c>
      <c r="D383">
        <v>14.9</v>
      </c>
      <c r="E383">
        <v>733.695652173913</v>
      </c>
    </row>
    <row r="384" spans="1:5" x14ac:dyDescent="0.25">
      <c r="A384">
        <v>22920</v>
      </c>
      <c r="B384">
        <f t="shared" si="5"/>
        <v>6.3666666666666663</v>
      </c>
      <c r="C384">
        <v>70900</v>
      </c>
      <c r="D384">
        <v>15</v>
      </c>
      <c r="E384">
        <v>742.75362318840598</v>
      </c>
    </row>
    <row r="385" spans="1:5" x14ac:dyDescent="0.25">
      <c r="A385">
        <v>22980</v>
      </c>
      <c r="B385">
        <f t="shared" si="5"/>
        <v>6.3833333333333337</v>
      </c>
      <c r="C385">
        <v>72299</v>
      </c>
      <c r="D385">
        <v>15</v>
      </c>
      <c r="E385">
        <v>751.81159420289896</v>
      </c>
    </row>
    <row r="386" spans="1:5" x14ac:dyDescent="0.25">
      <c r="A386">
        <v>23040</v>
      </c>
      <c r="B386">
        <f t="shared" si="5"/>
        <v>6.4</v>
      </c>
      <c r="C386">
        <v>73800</v>
      </c>
      <c r="D386">
        <v>15.1</v>
      </c>
      <c r="E386">
        <v>760.86956521739103</v>
      </c>
    </row>
    <row r="387" spans="1:5" x14ac:dyDescent="0.25">
      <c r="A387">
        <v>23100</v>
      </c>
      <c r="B387">
        <f t="shared" ref="B387:B450" si="6">A387/3600</f>
        <v>6.416666666666667</v>
      </c>
      <c r="C387">
        <v>74800</v>
      </c>
      <c r="D387">
        <v>15.1</v>
      </c>
      <c r="E387">
        <v>769.92753623188401</v>
      </c>
    </row>
    <row r="388" spans="1:5" x14ac:dyDescent="0.25">
      <c r="A388">
        <v>23160</v>
      </c>
      <c r="B388">
        <f t="shared" si="6"/>
        <v>6.4333333333333336</v>
      </c>
      <c r="C388">
        <v>76250</v>
      </c>
      <c r="D388">
        <v>15.1</v>
      </c>
      <c r="E388">
        <v>778.98550724637698</v>
      </c>
    </row>
    <row r="389" spans="1:5" x14ac:dyDescent="0.25">
      <c r="A389">
        <v>23220</v>
      </c>
      <c r="B389">
        <f t="shared" si="6"/>
        <v>6.45</v>
      </c>
      <c r="C389">
        <v>77500</v>
      </c>
      <c r="D389">
        <v>15.1</v>
      </c>
      <c r="E389">
        <v>788.04347826086996</v>
      </c>
    </row>
    <row r="390" spans="1:5" x14ac:dyDescent="0.25">
      <c r="A390">
        <v>23280</v>
      </c>
      <c r="B390">
        <f t="shared" si="6"/>
        <v>6.4666666666666668</v>
      </c>
      <c r="C390">
        <v>78750</v>
      </c>
      <c r="D390">
        <v>15.2</v>
      </c>
      <c r="E390">
        <v>797.10144927536203</v>
      </c>
    </row>
    <row r="391" spans="1:5" x14ac:dyDescent="0.25">
      <c r="A391">
        <v>23340</v>
      </c>
      <c r="B391">
        <f t="shared" si="6"/>
        <v>6.4833333333333334</v>
      </c>
      <c r="C391">
        <v>80000</v>
      </c>
      <c r="D391">
        <v>15.2</v>
      </c>
      <c r="E391">
        <v>806.15942028985501</v>
      </c>
    </row>
    <row r="392" spans="1:5" x14ac:dyDescent="0.25">
      <c r="A392">
        <v>23400</v>
      </c>
      <c r="B392">
        <f t="shared" si="6"/>
        <v>6.5</v>
      </c>
      <c r="C392">
        <v>81399</v>
      </c>
      <c r="D392">
        <v>15.2</v>
      </c>
      <c r="E392">
        <v>815.21739130434798</v>
      </c>
    </row>
    <row r="393" spans="1:5" x14ac:dyDescent="0.25">
      <c r="A393">
        <v>23460</v>
      </c>
      <c r="B393">
        <f t="shared" si="6"/>
        <v>6.5166666666666666</v>
      </c>
      <c r="C393">
        <v>82700</v>
      </c>
      <c r="D393">
        <v>15.2</v>
      </c>
      <c r="E393">
        <v>824.27536231884096</v>
      </c>
    </row>
    <row r="394" spans="1:5" x14ac:dyDescent="0.25">
      <c r="A394">
        <v>23520</v>
      </c>
      <c r="B394">
        <f t="shared" si="6"/>
        <v>6.5333333333333332</v>
      </c>
      <c r="C394">
        <v>83850</v>
      </c>
      <c r="D394">
        <v>15.3</v>
      </c>
      <c r="E394">
        <v>833.33333333333303</v>
      </c>
    </row>
    <row r="395" spans="1:5" x14ac:dyDescent="0.25">
      <c r="A395">
        <v>23580</v>
      </c>
      <c r="B395">
        <f t="shared" si="6"/>
        <v>6.55</v>
      </c>
      <c r="C395">
        <v>85550</v>
      </c>
      <c r="D395">
        <v>15.3</v>
      </c>
      <c r="E395">
        <v>842.39130434782601</v>
      </c>
    </row>
    <row r="396" spans="1:5" x14ac:dyDescent="0.25">
      <c r="A396">
        <v>23640</v>
      </c>
      <c r="B396">
        <f t="shared" si="6"/>
        <v>6.5666666666666664</v>
      </c>
      <c r="C396">
        <v>86700</v>
      </c>
      <c r="D396">
        <v>15.4</v>
      </c>
      <c r="E396">
        <v>851.44927536231899</v>
      </c>
    </row>
    <row r="397" spans="1:5" x14ac:dyDescent="0.25">
      <c r="A397">
        <v>23700</v>
      </c>
      <c r="B397">
        <f t="shared" si="6"/>
        <v>6.583333333333333</v>
      </c>
      <c r="C397">
        <v>88100</v>
      </c>
      <c r="D397">
        <v>15.4</v>
      </c>
      <c r="E397">
        <v>860.50724637681196</v>
      </c>
    </row>
    <row r="398" spans="1:5" x14ac:dyDescent="0.25">
      <c r="A398">
        <v>23760</v>
      </c>
      <c r="B398">
        <f t="shared" si="6"/>
        <v>6.6</v>
      </c>
      <c r="C398">
        <v>89149</v>
      </c>
      <c r="D398">
        <v>15.4</v>
      </c>
      <c r="E398">
        <v>869.56521739130403</v>
      </c>
    </row>
    <row r="399" spans="1:5" x14ac:dyDescent="0.25">
      <c r="A399">
        <v>23820</v>
      </c>
      <c r="B399">
        <f t="shared" si="6"/>
        <v>6.6166666666666663</v>
      </c>
      <c r="C399">
        <v>90850</v>
      </c>
      <c r="D399">
        <v>15.4</v>
      </c>
      <c r="E399">
        <v>878.62318840579701</v>
      </c>
    </row>
    <row r="400" spans="1:5" x14ac:dyDescent="0.25">
      <c r="A400">
        <v>23880</v>
      </c>
      <c r="B400">
        <f t="shared" si="6"/>
        <v>6.6333333333333337</v>
      </c>
      <c r="C400">
        <v>92150</v>
      </c>
      <c r="D400">
        <v>15.6</v>
      </c>
      <c r="E400">
        <v>887.68115942028999</v>
      </c>
    </row>
    <row r="401" spans="1:5" x14ac:dyDescent="0.25">
      <c r="A401">
        <v>23940</v>
      </c>
      <c r="B401">
        <f t="shared" si="6"/>
        <v>6.65</v>
      </c>
      <c r="C401">
        <v>93350</v>
      </c>
      <c r="D401">
        <v>15.6</v>
      </c>
      <c r="E401">
        <v>896.73913043478296</v>
      </c>
    </row>
    <row r="402" spans="1:5" x14ac:dyDescent="0.25">
      <c r="A402">
        <v>24000</v>
      </c>
      <c r="B402">
        <f t="shared" si="6"/>
        <v>6.666666666666667</v>
      </c>
      <c r="C402">
        <v>94700</v>
      </c>
      <c r="D402">
        <v>15.6</v>
      </c>
      <c r="E402">
        <v>905.79710144927606</v>
      </c>
    </row>
    <row r="403" spans="1:5" x14ac:dyDescent="0.25">
      <c r="A403">
        <v>24060</v>
      </c>
      <c r="B403">
        <f t="shared" si="6"/>
        <v>6.6833333333333336</v>
      </c>
      <c r="C403">
        <v>95950</v>
      </c>
      <c r="D403">
        <v>15.6</v>
      </c>
      <c r="E403">
        <v>914.85507246376801</v>
      </c>
    </row>
    <row r="404" spans="1:5" x14ac:dyDescent="0.25">
      <c r="A404">
        <v>24120</v>
      </c>
      <c r="B404">
        <f t="shared" si="6"/>
        <v>6.7</v>
      </c>
      <c r="C404">
        <v>97299</v>
      </c>
      <c r="D404">
        <v>15.7</v>
      </c>
      <c r="E404">
        <v>923.91304347826099</v>
      </c>
    </row>
    <row r="405" spans="1:5" x14ac:dyDescent="0.25">
      <c r="A405">
        <v>24180</v>
      </c>
      <c r="B405">
        <f t="shared" si="6"/>
        <v>6.7166666666666668</v>
      </c>
      <c r="C405">
        <v>98950</v>
      </c>
      <c r="D405">
        <v>15.7</v>
      </c>
      <c r="E405">
        <v>932.97101449275397</v>
      </c>
    </row>
    <row r="406" spans="1:5" x14ac:dyDescent="0.25">
      <c r="A406">
        <v>24240</v>
      </c>
      <c r="B406">
        <f t="shared" si="6"/>
        <v>6.7333333333333334</v>
      </c>
      <c r="C406">
        <v>100250</v>
      </c>
      <c r="D406">
        <v>15.7</v>
      </c>
      <c r="E406">
        <v>942.02898550724694</v>
      </c>
    </row>
    <row r="407" spans="1:5" x14ac:dyDescent="0.25">
      <c r="A407">
        <v>24300</v>
      </c>
      <c r="B407">
        <f t="shared" si="6"/>
        <v>6.75</v>
      </c>
      <c r="C407">
        <v>101600</v>
      </c>
      <c r="D407">
        <v>15.7</v>
      </c>
      <c r="E407">
        <v>951.08695652173901</v>
      </c>
    </row>
    <row r="408" spans="1:5" x14ac:dyDescent="0.25">
      <c r="A408">
        <v>24360</v>
      </c>
      <c r="B408">
        <f t="shared" si="6"/>
        <v>6.7666666666666666</v>
      </c>
      <c r="C408">
        <v>102900</v>
      </c>
      <c r="D408">
        <v>15.7</v>
      </c>
      <c r="E408">
        <v>960.14492753623199</v>
      </c>
    </row>
    <row r="409" spans="1:5" x14ac:dyDescent="0.25">
      <c r="A409">
        <v>24420</v>
      </c>
      <c r="B409">
        <f t="shared" si="6"/>
        <v>6.7833333333333332</v>
      </c>
      <c r="C409">
        <v>104400</v>
      </c>
      <c r="D409">
        <v>15.7</v>
      </c>
      <c r="E409">
        <v>969.20289855072497</v>
      </c>
    </row>
    <row r="410" spans="1:5" x14ac:dyDescent="0.25">
      <c r="A410">
        <v>24480</v>
      </c>
      <c r="B410">
        <f t="shared" si="6"/>
        <v>6.8</v>
      </c>
      <c r="C410">
        <v>105700</v>
      </c>
      <c r="D410">
        <v>15.8</v>
      </c>
      <c r="E410">
        <v>978.26086956521794</v>
      </c>
    </row>
    <row r="411" spans="1:5" x14ac:dyDescent="0.25">
      <c r="A411">
        <v>24540</v>
      </c>
      <c r="B411">
        <f t="shared" si="6"/>
        <v>6.8166666666666664</v>
      </c>
      <c r="C411">
        <v>106800</v>
      </c>
      <c r="D411">
        <v>15.9</v>
      </c>
      <c r="E411">
        <v>987.31884057971001</v>
      </c>
    </row>
    <row r="412" spans="1:5" x14ac:dyDescent="0.25">
      <c r="A412">
        <v>24600</v>
      </c>
      <c r="B412">
        <f t="shared" si="6"/>
        <v>6.833333333333333</v>
      </c>
      <c r="C412">
        <v>108050</v>
      </c>
      <c r="D412">
        <v>15.9</v>
      </c>
      <c r="E412">
        <v>996.37681159420299</v>
      </c>
    </row>
    <row r="413" spans="1:5" x14ac:dyDescent="0.25">
      <c r="A413">
        <v>24660</v>
      </c>
      <c r="B413">
        <f t="shared" si="6"/>
        <v>6.85</v>
      </c>
      <c r="C413">
        <v>109400</v>
      </c>
      <c r="D413">
        <v>15.9</v>
      </c>
      <c r="E413">
        <v>1005.4347826086999</v>
      </c>
    </row>
    <row r="414" spans="1:5" x14ac:dyDescent="0.25">
      <c r="A414">
        <v>24720</v>
      </c>
      <c r="B414">
        <f t="shared" si="6"/>
        <v>6.8666666666666663</v>
      </c>
      <c r="C414">
        <v>111100</v>
      </c>
      <c r="D414">
        <v>16</v>
      </c>
      <c r="E414">
        <v>1014.49275362319</v>
      </c>
    </row>
    <row r="415" spans="1:5" x14ac:dyDescent="0.25">
      <c r="A415">
        <v>24780</v>
      </c>
      <c r="B415">
        <f t="shared" si="6"/>
        <v>6.8833333333333337</v>
      </c>
      <c r="C415">
        <v>113150</v>
      </c>
      <c r="D415">
        <v>16</v>
      </c>
      <c r="E415">
        <v>1023.55072463768</v>
      </c>
    </row>
    <row r="416" spans="1:5" x14ac:dyDescent="0.25">
      <c r="A416">
        <v>24840</v>
      </c>
      <c r="B416">
        <f t="shared" si="6"/>
        <v>6.9</v>
      </c>
      <c r="C416">
        <v>114950</v>
      </c>
      <c r="D416">
        <v>16.100000000000001</v>
      </c>
      <c r="E416">
        <v>1032.6086956521699</v>
      </c>
    </row>
    <row r="417" spans="1:5" x14ac:dyDescent="0.25">
      <c r="A417">
        <v>24900</v>
      </c>
      <c r="B417">
        <f t="shared" si="6"/>
        <v>6.916666666666667</v>
      </c>
      <c r="C417">
        <v>116900</v>
      </c>
      <c r="D417">
        <v>16.100000000000001</v>
      </c>
      <c r="E417">
        <v>1041.6666666666699</v>
      </c>
    </row>
    <row r="418" spans="1:5" x14ac:dyDescent="0.25">
      <c r="A418">
        <v>24960</v>
      </c>
      <c r="B418">
        <f t="shared" si="6"/>
        <v>6.9333333333333336</v>
      </c>
      <c r="C418">
        <v>118450</v>
      </c>
      <c r="D418">
        <v>16.100000000000001</v>
      </c>
      <c r="E418">
        <v>1050.7246376811599</v>
      </c>
    </row>
    <row r="419" spans="1:5" x14ac:dyDescent="0.25">
      <c r="A419">
        <v>25020</v>
      </c>
      <c r="B419">
        <f t="shared" si="6"/>
        <v>6.95</v>
      </c>
      <c r="C419">
        <v>120250</v>
      </c>
      <c r="D419">
        <v>16.2</v>
      </c>
      <c r="E419">
        <v>1059.78260869565</v>
      </c>
    </row>
    <row r="420" spans="1:5" x14ac:dyDescent="0.25">
      <c r="A420">
        <v>25080</v>
      </c>
      <c r="B420">
        <f t="shared" si="6"/>
        <v>6.9666666666666668</v>
      </c>
      <c r="C420">
        <v>121649</v>
      </c>
      <c r="D420">
        <v>16.3</v>
      </c>
      <c r="E420">
        <v>1068.84057971015</v>
      </c>
    </row>
    <row r="421" spans="1:5" x14ac:dyDescent="0.25">
      <c r="A421">
        <v>25140</v>
      </c>
      <c r="B421">
        <f t="shared" si="6"/>
        <v>6.9833333333333334</v>
      </c>
      <c r="C421">
        <v>123500</v>
      </c>
      <c r="D421">
        <v>16.3</v>
      </c>
      <c r="E421">
        <v>1077.89855072464</v>
      </c>
    </row>
    <row r="422" spans="1:5" x14ac:dyDescent="0.25">
      <c r="A422">
        <v>25200</v>
      </c>
      <c r="B422">
        <f t="shared" si="6"/>
        <v>7</v>
      </c>
      <c r="C422">
        <v>128100</v>
      </c>
      <c r="D422">
        <v>16.399999999999999</v>
      </c>
      <c r="E422">
        <v>1086.95652173913</v>
      </c>
    </row>
    <row r="423" spans="1:5" x14ac:dyDescent="0.25">
      <c r="A423">
        <v>25260</v>
      </c>
      <c r="B423">
        <f t="shared" si="6"/>
        <v>7.0166666666666666</v>
      </c>
      <c r="C423">
        <v>136600</v>
      </c>
      <c r="D423">
        <v>16.5</v>
      </c>
      <c r="E423">
        <v>1101.4492753623199</v>
      </c>
    </row>
    <row r="424" spans="1:5" x14ac:dyDescent="0.25">
      <c r="A424">
        <v>25320</v>
      </c>
      <c r="B424">
        <f t="shared" si="6"/>
        <v>7.0333333333333332</v>
      </c>
      <c r="C424">
        <v>145850</v>
      </c>
      <c r="D424">
        <v>16.5</v>
      </c>
      <c r="E424">
        <v>1115.94202898551</v>
      </c>
    </row>
    <row r="425" spans="1:5" x14ac:dyDescent="0.25">
      <c r="A425">
        <v>25380</v>
      </c>
      <c r="B425">
        <f t="shared" si="6"/>
        <v>7.05</v>
      </c>
      <c r="C425">
        <v>152650</v>
      </c>
      <c r="D425">
        <v>16.600000000000001</v>
      </c>
      <c r="E425">
        <v>1130.4347826087001</v>
      </c>
    </row>
    <row r="426" spans="1:5" x14ac:dyDescent="0.25">
      <c r="A426">
        <v>25440</v>
      </c>
      <c r="B426">
        <f t="shared" si="6"/>
        <v>7.0666666666666664</v>
      </c>
      <c r="C426">
        <v>156100</v>
      </c>
      <c r="D426">
        <v>16.600000000000001</v>
      </c>
      <c r="E426">
        <v>1144.9275362318799</v>
      </c>
    </row>
    <row r="427" spans="1:5" x14ac:dyDescent="0.25">
      <c r="A427">
        <v>25500</v>
      </c>
      <c r="B427">
        <f t="shared" si="6"/>
        <v>7.083333333333333</v>
      </c>
      <c r="C427">
        <v>156049</v>
      </c>
      <c r="D427">
        <v>16.600000000000001</v>
      </c>
      <c r="E427">
        <v>1159.42028985507</v>
      </c>
    </row>
    <row r="428" spans="1:5" x14ac:dyDescent="0.25">
      <c r="A428">
        <v>25560</v>
      </c>
      <c r="B428">
        <f t="shared" si="6"/>
        <v>7.1</v>
      </c>
      <c r="C428">
        <v>153800</v>
      </c>
      <c r="D428">
        <v>16.7</v>
      </c>
      <c r="E428">
        <v>1173.9130434782601</v>
      </c>
    </row>
    <row r="429" spans="1:5" x14ac:dyDescent="0.25">
      <c r="A429">
        <v>25620</v>
      </c>
      <c r="B429">
        <f t="shared" si="6"/>
        <v>7.1166666666666663</v>
      </c>
      <c r="C429">
        <v>152200</v>
      </c>
      <c r="D429">
        <v>16.8</v>
      </c>
      <c r="E429">
        <v>1188.4057971014499</v>
      </c>
    </row>
    <row r="430" spans="1:5" x14ac:dyDescent="0.25">
      <c r="A430">
        <v>25680</v>
      </c>
      <c r="B430">
        <f t="shared" si="6"/>
        <v>7.1333333333333337</v>
      </c>
      <c r="C430">
        <v>150900</v>
      </c>
      <c r="D430">
        <v>16.7</v>
      </c>
      <c r="E430">
        <v>1202.89855072464</v>
      </c>
    </row>
    <row r="431" spans="1:5" x14ac:dyDescent="0.25">
      <c r="A431">
        <v>25740</v>
      </c>
      <c r="B431">
        <f t="shared" si="6"/>
        <v>7.15</v>
      </c>
      <c r="C431">
        <v>142050</v>
      </c>
      <c r="D431">
        <v>16.8</v>
      </c>
      <c r="E431">
        <v>1217.3913043478301</v>
      </c>
    </row>
    <row r="432" spans="1:5" x14ac:dyDescent="0.25">
      <c r="A432">
        <v>25800</v>
      </c>
      <c r="B432">
        <f t="shared" si="6"/>
        <v>7.166666666666667</v>
      </c>
      <c r="C432">
        <v>111350</v>
      </c>
      <c r="D432">
        <v>16.899999999999999</v>
      </c>
      <c r="E432">
        <v>1231.88405797101</v>
      </c>
    </row>
    <row r="433" spans="1:5" x14ac:dyDescent="0.25">
      <c r="A433">
        <v>25860</v>
      </c>
      <c r="B433">
        <f t="shared" si="6"/>
        <v>7.1833333333333336</v>
      </c>
      <c r="C433">
        <v>115000</v>
      </c>
      <c r="D433">
        <v>17</v>
      </c>
      <c r="E433">
        <v>1246.3768115942</v>
      </c>
    </row>
    <row r="434" spans="1:5" x14ac:dyDescent="0.25">
      <c r="A434">
        <v>25920</v>
      </c>
      <c r="B434">
        <f t="shared" si="6"/>
        <v>7.2</v>
      </c>
      <c r="C434">
        <v>143299</v>
      </c>
      <c r="D434">
        <v>17.100000000000001</v>
      </c>
      <c r="E434">
        <v>1260.8695652173899</v>
      </c>
    </row>
    <row r="435" spans="1:5" x14ac:dyDescent="0.25">
      <c r="A435">
        <v>25980</v>
      </c>
      <c r="B435">
        <f t="shared" si="6"/>
        <v>7.2166666666666668</v>
      </c>
      <c r="C435">
        <v>179800</v>
      </c>
      <c r="D435">
        <v>17.100000000000001</v>
      </c>
      <c r="E435">
        <v>1275.36231884058</v>
      </c>
    </row>
    <row r="436" spans="1:5" x14ac:dyDescent="0.25">
      <c r="A436">
        <v>26040</v>
      </c>
      <c r="B436">
        <f t="shared" si="6"/>
        <v>7.2333333333333334</v>
      </c>
      <c r="C436">
        <v>194950</v>
      </c>
      <c r="D436">
        <v>17.2</v>
      </c>
      <c r="E436">
        <v>1289.8550724637701</v>
      </c>
    </row>
    <row r="437" spans="1:5" x14ac:dyDescent="0.25">
      <c r="A437">
        <v>26100</v>
      </c>
      <c r="B437">
        <f t="shared" si="6"/>
        <v>7.25</v>
      </c>
      <c r="C437">
        <v>181450</v>
      </c>
      <c r="D437">
        <v>17.3</v>
      </c>
      <c r="E437">
        <v>1304.3478260869599</v>
      </c>
    </row>
    <row r="438" spans="1:5" x14ac:dyDescent="0.25">
      <c r="A438">
        <v>26160</v>
      </c>
      <c r="B438">
        <f t="shared" si="6"/>
        <v>7.2666666666666666</v>
      </c>
      <c r="C438">
        <v>158200</v>
      </c>
      <c r="D438">
        <v>17.3</v>
      </c>
      <c r="E438">
        <v>1318.84057971015</v>
      </c>
    </row>
    <row r="439" spans="1:5" x14ac:dyDescent="0.25">
      <c r="A439">
        <v>26220</v>
      </c>
      <c r="B439">
        <f t="shared" si="6"/>
        <v>7.2833333333333332</v>
      </c>
      <c r="C439">
        <v>132550</v>
      </c>
      <c r="D439">
        <v>17.3</v>
      </c>
      <c r="E439">
        <v>1333.3333333333301</v>
      </c>
    </row>
    <row r="440" spans="1:5" x14ac:dyDescent="0.25">
      <c r="A440">
        <v>26280</v>
      </c>
      <c r="B440">
        <f t="shared" si="6"/>
        <v>7.3</v>
      </c>
      <c r="C440">
        <v>132450</v>
      </c>
      <c r="D440">
        <v>17.399999999999999</v>
      </c>
      <c r="E440">
        <v>1347.8260869565199</v>
      </c>
    </row>
    <row r="441" spans="1:5" x14ac:dyDescent="0.25">
      <c r="A441">
        <v>26340</v>
      </c>
      <c r="B441">
        <f t="shared" si="6"/>
        <v>7.3166666666666664</v>
      </c>
      <c r="C441">
        <v>144700</v>
      </c>
      <c r="D441">
        <v>17.399999999999999</v>
      </c>
      <c r="E441">
        <v>1362.31884057971</v>
      </c>
    </row>
    <row r="442" spans="1:5" x14ac:dyDescent="0.25">
      <c r="A442">
        <v>26400</v>
      </c>
      <c r="B442">
        <f t="shared" si="6"/>
        <v>7.333333333333333</v>
      </c>
      <c r="C442">
        <v>169600</v>
      </c>
      <c r="D442">
        <v>17.5</v>
      </c>
      <c r="E442">
        <v>1376.8115942029001</v>
      </c>
    </row>
    <row r="443" spans="1:5" x14ac:dyDescent="0.25">
      <c r="A443">
        <v>26460</v>
      </c>
      <c r="B443">
        <f t="shared" si="6"/>
        <v>7.35</v>
      </c>
      <c r="C443">
        <v>183150</v>
      </c>
      <c r="D443">
        <v>17.5</v>
      </c>
      <c r="E443">
        <v>1391.30434782609</v>
      </c>
    </row>
    <row r="444" spans="1:5" x14ac:dyDescent="0.25">
      <c r="A444">
        <v>26520</v>
      </c>
      <c r="B444">
        <f t="shared" si="6"/>
        <v>7.3666666666666663</v>
      </c>
      <c r="C444">
        <v>190350</v>
      </c>
      <c r="D444">
        <v>17.5</v>
      </c>
      <c r="E444">
        <v>1405.79710144928</v>
      </c>
    </row>
    <row r="445" spans="1:5" x14ac:dyDescent="0.25">
      <c r="A445">
        <v>26580</v>
      </c>
      <c r="B445">
        <f t="shared" si="6"/>
        <v>7.3833333333333337</v>
      </c>
      <c r="C445">
        <v>196900</v>
      </c>
      <c r="D445">
        <v>17.5</v>
      </c>
      <c r="E445">
        <v>1420.2898550724599</v>
      </c>
    </row>
    <row r="446" spans="1:5" x14ac:dyDescent="0.25">
      <c r="A446">
        <v>26640</v>
      </c>
      <c r="B446">
        <f t="shared" si="6"/>
        <v>7.4</v>
      </c>
      <c r="C446">
        <v>199350</v>
      </c>
      <c r="D446">
        <v>17.600000000000001</v>
      </c>
      <c r="E446">
        <v>1434.78260869565</v>
      </c>
    </row>
    <row r="447" spans="1:5" x14ac:dyDescent="0.25">
      <c r="A447">
        <v>26700</v>
      </c>
      <c r="B447">
        <f t="shared" si="6"/>
        <v>7.416666666666667</v>
      </c>
      <c r="C447">
        <v>195800</v>
      </c>
      <c r="D447">
        <v>17.600000000000001</v>
      </c>
      <c r="E447">
        <v>1449.2753623188401</v>
      </c>
    </row>
    <row r="448" spans="1:5" x14ac:dyDescent="0.25">
      <c r="A448">
        <v>26760</v>
      </c>
      <c r="B448">
        <f t="shared" si="6"/>
        <v>7.4333333333333336</v>
      </c>
      <c r="C448">
        <v>190150</v>
      </c>
      <c r="D448">
        <v>17.7</v>
      </c>
      <c r="E448">
        <v>1463.7681159420299</v>
      </c>
    </row>
    <row r="449" spans="1:5" x14ac:dyDescent="0.25">
      <c r="A449">
        <v>26820</v>
      </c>
      <c r="B449">
        <f t="shared" si="6"/>
        <v>7.45</v>
      </c>
      <c r="C449">
        <v>185349</v>
      </c>
      <c r="D449">
        <v>17.7</v>
      </c>
      <c r="E449">
        <v>1478.26086956522</v>
      </c>
    </row>
    <row r="450" spans="1:5" x14ac:dyDescent="0.25">
      <c r="A450">
        <v>26880</v>
      </c>
      <c r="B450">
        <f t="shared" si="6"/>
        <v>7.4666666666666668</v>
      </c>
      <c r="C450">
        <v>180900</v>
      </c>
      <c r="D450">
        <v>17.8</v>
      </c>
      <c r="E450">
        <v>1492.7536231884101</v>
      </c>
    </row>
    <row r="451" spans="1:5" x14ac:dyDescent="0.25">
      <c r="A451">
        <v>26940</v>
      </c>
      <c r="B451">
        <f t="shared" ref="B451:B514" si="7">A451/3600</f>
        <v>7.4833333333333334</v>
      </c>
      <c r="C451">
        <v>173750</v>
      </c>
      <c r="D451">
        <v>17.899999999999999</v>
      </c>
      <c r="E451">
        <v>1507.2463768115899</v>
      </c>
    </row>
    <row r="452" spans="1:5" x14ac:dyDescent="0.25">
      <c r="A452">
        <v>27000</v>
      </c>
      <c r="B452">
        <f t="shared" si="7"/>
        <v>7.5</v>
      </c>
      <c r="C452">
        <v>168850</v>
      </c>
      <c r="D452">
        <v>18</v>
      </c>
      <c r="E452">
        <v>1521.73913043478</v>
      </c>
    </row>
    <row r="453" spans="1:5" x14ac:dyDescent="0.25">
      <c r="A453">
        <v>27060</v>
      </c>
      <c r="B453">
        <f t="shared" si="7"/>
        <v>7.5166666666666666</v>
      </c>
      <c r="C453">
        <v>164650</v>
      </c>
      <c r="D453">
        <v>18</v>
      </c>
      <c r="E453">
        <v>1536.2318840579701</v>
      </c>
    </row>
    <row r="454" spans="1:5" x14ac:dyDescent="0.25">
      <c r="A454">
        <v>27120</v>
      </c>
      <c r="B454">
        <f t="shared" si="7"/>
        <v>7.5333333333333332</v>
      </c>
      <c r="C454">
        <v>162000</v>
      </c>
      <c r="D454">
        <v>18.100000000000001</v>
      </c>
      <c r="E454">
        <v>1550.7246376811599</v>
      </c>
    </row>
    <row r="455" spans="1:5" x14ac:dyDescent="0.25">
      <c r="A455">
        <v>27180</v>
      </c>
      <c r="B455">
        <f t="shared" si="7"/>
        <v>7.55</v>
      </c>
      <c r="C455">
        <v>161300</v>
      </c>
      <c r="D455">
        <v>18.100000000000001</v>
      </c>
      <c r="E455">
        <v>1565.21739130435</v>
      </c>
    </row>
    <row r="456" spans="1:5" x14ac:dyDescent="0.25">
      <c r="A456">
        <v>27240</v>
      </c>
      <c r="B456">
        <f t="shared" si="7"/>
        <v>7.5666666666666664</v>
      </c>
      <c r="C456">
        <v>160950</v>
      </c>
      <c r="D456">
        <v>18.100000000000001</v>
      </c>
      <c r="E456">
        <v>1579.7101449275401</v>
      </c>
    </row>
    <row r="457" spans="1:5" x14ac:dyDescent="0.25">
      <c r="A457">
        <v>27300</v>
      </c>
      <c r="B457">
        <f t="shared" si="7"/>
        <v>7.583333333333333</v>
      </c>
      <c r="C457">
        <v>162400</v>
      </c>
      <c r="D457">
        <v>18.100000000000001</v>
      </c>
      <c r="E457">
        <v>1594.20289855072</v>
      </c>
    </row>
    <row r="458" spans="1:5" x14ac:dyDescent="0.25">
      <c r="A458">
        <v>27360</v>
      </c>
      <c r="B458">
        <f t="shared" si="7"/>
        <v>7.6</v>
      </c>
      <c r="C458">
        <v>163750</v>
      </c>
      <c r="D458">
        <v>18.100000000000001</v>
      </c>
      <c r="E458">
        <v>1608.69565217391</v>
      </c>
    </row>
    <row r="459" spans="1:5" x14ac:dyDescent="0.25">
      <c r="A459">
        <v>27420</v>
      </c>
      <c r="B459">
        <f t="shared" si="7"/>
        <v>7.6166666666666663</v>
      </c>
      <c r="C459">
        <v>165150</v>
      </c>
      <c r="D459">
        <v>18.2</v>
      </c>
      <c r="E459">
        <v>1623.1884057970999</v>
      </c>
    </row>
    <row r="460" spans="1:5" x14ac:dyDescent="0.25">
      <c r="A460">
        <v>27480</v>
      </c>
      <c r="B460">
        <f t="shared" si="7"/>
        <v>7.6333333333333337</v>
      </c>
      <c r="C460">
        <v>166350</v>
      </c>
      <c r="D460">
        <v>18.3</v>
      </c>
      <c r="E460">
        <v>1637.68115942029</v>
      </c>
    </row>
    <row r="461" spans="1:5" x14ac:dyDescent="0.25">
      <c r="A461">
        <v>27540</v>
      </c>
      <c r="B461">
        <f t="shared" si="7"/>
        <v>7.65</v>
      </c>
      <c r="C461">
        <v>167300</v>
      </c>
      <c r="D461">
        <v>18.3</v>
      </c>
      <c r="E461">
        <v>1652.1739130434801</v>
      </c>
    </row>
    <row r="462" spans="1:5" x14ac:dyDescent="0.25">
      <c r="A462">
        <v>27600</v>
      </c>
      <c r="B462">
        <f t="shared" si="7"/>
        <v>7.666666666666667</v>
      </c>
      <c r="C462">
        <v>168700</v>
      </c>
      <c r="D462">
        <v>18.3</v>
      </c>
      <c r="E462">
        <v>1666.6666666666699</v>
      </c>
    </row>
    <row r="463" spans="1:5" x14ac:dyDescent="0.25">
      <c r="A463">
        <v>27660</v>
      </c>
      <c r="B463">
        <f t="shared" si="7"/>
        <v>7.6833333333333336</v>
      </c>
      <c r="C463">
        <v>170150</v>
      </c>
      <c r="D463">
        <v>18.399999999999999</v>
      </c>
      <c r="E463">
        <v>1681.15942028986</v>
      </c>
    </row>
    <row r="464" spans="1:5" x14ac:dyDescent="0.25">
      <c r="A464">
        <v>27720</v>
      </c>
      <c r="B464">
        <f t="shared" si="7"/>
        <v>7.7</v>
      </c>
      <c r="C464">
        <v>171299</v>
      </c>
      <c r="D464">
        <v>18.399999999999999</v>
      </c>
      <c r="E464">
        <v>1695.6521739130401</v>
      </c>
    </row>
    <row r="465" spans="1:5" x14ac:dyDescent="0.25">
      <c r="A465">
        <v>27780</v>
      </c>
      <c r="B465">
        <f t="shared" si="7"/>
        <v>7.7166666666666668</v>
      </c>
      <c r="C465">
        <v>172950</v>
      </c>
      <c r="D465">
        <v>18.3</v>
      </c>
      <c r="E465">
        <v>1710.1449275362299</v>
      </c>
    </row>
    <row r="466" spans="1:5" x14ac:dyDescent="0.25">
      <c r="A466">
        <v>27840</v>
      </c>
      <c r="B466">
        <f t="shared" si="7"/>
        <v>7.7333333333333334</v>
      </c>
      <c r="C466">
        <v>173400</v>
      </c>
      <c r="D466">
        <v>18.399999999999999</v>
      </c>
      <c r="E466">
        <v>1724.63768115942</v>
      </c>
    </row>
    <row r="467" spans="1:5" x14ac:dyDescent="0.25">
      <c r="A467">
        <v>27900</v>
      </c>
      <c r="B467">
        <f t="shared" si="7"/>
        <v>7.75</v>
      </c>
      <c r="C467">
        <v>174799</v>
      </c>
      <c r="D467">
        <v>18.399999999999999</v>
      </c>
      <c r="E467">
        <v>1739.1304347826101</v>
      </c>
    </row>
    <row r="468" spans="1:5" x14ac:dyDescent="0.25">
      <c r="A468">
        <v>27960</v>
      </c>
      <c r="B468">
        <f t="shared" si="7"/>
        <v>7.7666666666666666</v>
      </c>
      <c r="C468">
        <v>175700</v>
      </c>
      <c r="D468">
        <v>18.399999999999999</v>
      </c>
      <c r="E468">
        <v>1753.6231884058</v>
      </c>
    </row>
    <row r="469" spans="1:5" x14ac:dyDescent="0.25">
      <c r="A469">
        <v>28020</v>
      </c>
      <c r="B469">
        <f t="shared" si="7"/>
        <v>7.7833333333333332</v>
      </c>
      <c r="C469">
        <v>176799</v>
      </c>
      <c r="D469">
        <v>18.5</v>
      </c>
      <c r="E469">
        <v>1768.11594202899</v>
      </c>
    </row>
    <row r="470" spans="1:5" x14ac:dyDescent="0.25">
      <c r="A470">
        <v>28080</v>
      </c>
      <c r="B470">
        <f t="shared" si="7"/>
        <v>7.8</v>
      </c>
      <c r="C470">
        <v>177900</v>
      </c>
      <c r="D470">
        <v>18.5</v>
      </c>
      <c r="E470">
        <v>1782.6086956521699</v>
      </c>
    </row>
    <row r="471" spans="1:5" x14ac:dyDescent="0.25">
      <c r="A471">
        <v>28140</v>
      </c>
      <c r="B471">
        <f t="shared" si="7"/>
        <v>7.8166666666666664</v>
      </c>
      <c r="C471">
        <v>179150</v>
      </c>
      <c r="D471">
        <v>18.5</v>
      </c>
      <c r="E471">
        <v>1797.10144927536</v>
      </c>
    </row>
    <row r="472" spans="1:5" x14ac:dyDescent="0.25">
      <c r="A472">
        <v>28200</v>
      </c>
      <c r="B472">
        <f t="shared" si="7"/>
        <v>7.833333333333333</v>
      </c>
      <c r="C472">
        <v>179750</v>
      </c>
      <c r="D472">
        <v>18.5</v>
      </c>
      <c r="E472">
        <v>1811.5942028985501</v>
      </c>
    </row>
    <row r="473" spans="1:5" x14ac:dyDescent="0.25">
      <c r="A473">
        <v>28260</v>
      </c>
      <c r="B473">
        <f t="shared" si="7"/>
        <v>7.85</v>
      </c>
      <c r="C473">
        <v>180500</v>
      </c>
      <c r="D473">
        <v>18.600000000000001</v>
      </c>
      <c r="E473">
        <v>1826.0869565217399</v>
      </c>
    </row>
    <row r="474" spans="1:5" x14ac:dyDescent="0.25">
      <c r="A474">
        <v>28320</v>
      </c>
      <c r="B474">
        <f t="shared" si="7"/>
        <v>7.8666666666666663</v>
      </c>
      <c r="C474">
        <v>182049</v>
      </c>
      <c r="D474">
        <v>18.600000000000001</v>
      </c>
      <c r="E474">
        <v>1840.57971014493</v>
      </c>
    </row>
    <row r="475" spans="1:5" x14ac:dyDescent="0.25">
      <c r="A475">
        <v>28380</v>
      </c>
      <c r="B475">
        <f t="shared" si="7"/>
        <v>7.8833333333333337</v>
      </c>
      <c r="C475">
        <v>183199</v>
      </c>
      <c r="D475">
        <v>18.7</v>
      </c>
      <c r="E475">
        <v>1855.0724637681201</v>
      </c>
    </row>
    <row r="476" spans="1:5" x14ac:dyDescent="0.25">
      <c r="A476">
        <v>28440</v>
      </c>
      <c r="B476">
        <f t="shared" si="7"/>
        <v>7.9</v>
      </c>
      <c r="C476">
        <v>184150</v>
      </c>
      <c r="D476">
        <v>18.7</v>
      </c>
      <c r="E476">
        <v>1869.5652173912999</v>
      </c>
    </row>
    <row r="477" spans="1:5" x14ac:dyDescent="0.25">
      <c r="A477">
        <v>28500</v>
      </c>
      <c r="B477">
        <f t="shared" si="7"/>
        <v>7.916666666666667</v>
      </c>
      <c r="C477">
        <v>185050</v>
      </c>
      <c r="D477">
        <v>18.7</v>
      </c>
      <c r="E477">
        <v>1884.05797101449</v>
      </c>
    </row>
    <row r="478" spans="1:5" x14ac:dyDescent="0.25">
      <c r="A478">
        <v>28560</v>
      </c>
      <c r="B478">
        <f t="shared" si="7"/>
        <v>7.9333333333333336</v>
      </c>
      <c r="C478">
        <v>186049</v>
      </c>
      <c r="D478">
        <v>18.8</v>
      </c>
      <c r="E478">
        <v>1898.5507246376801</v>
      </c>
    </row>
    <row r="479" spans="1:5" x14ac:dyDescent="0.25">
      <c r="A479">
        <v>28620</v>
      </c>
      <c r="B479">
        <f t="shared" si="7"/>
        <v>7.95</v>
      </c>
      <c r="C479">
        <v>187350</v>
      </c>
      <c r="D479">
        <v>18.899999999999999</v>
      </c>
      <c r="E479">
        <v>1913.04347826087</v>
      </c>
    </row>
    <row r="480" spans="1:5" x14ac:dyDescent="0.25">
      <c r="A480">
        <v>28680</v>
      </c>
      <c r="B480">
        <f t="shared" si="7"/>
        <v>7.9666666666666668</v>
      </c>
      <c r="C480">
        <v>188349</v>
      </c>
      <c r="D480">
        <v>19.100000000000001</v>
      </c>
      <c r="E480">
        <v>1927.53623188406</v>
      </c>
    </row>
    <row r="481" spans="1:5" x14ac:dyDescent="0.25">
      <c r="A481">
        <v>28740</v>
      </c>
      <c r="B481">
        <f t="shared" si="7"/>
        <v>7.9833333333333334</v>
      </c>
      <c r="C481">
        <v>189250</v>
      </c>
      <c r="D481">
        <v>19.2</v>
      </c>
      <c r="E481">
        <v>1942.0289855072499</v>
      </c>
    </row>
    <row r="482" spans="1:5" x14ac:dyDescent="0.25">
      <c r="A482">
        <v>28800</v>
      </c>
      <c r="B482">
        <f t="shared" si="7"/>
        <v>8</v>
      </c>
      <c r="C482">
        <v>190049</v>
      </c>
      <c r="D482">
        <v>19.3</v>
      </c>
      <c r="E482">
        <v>1956.52173913044</v>
      </c>
    </row>
    <row r="483" spans="1:5" x14ac:dyDescent="0.25">
      <c r="A483">
        <v>28860</v>
      </c>
      <c r="B483">
        <f t="shared" si="7"/>
        <v>8.0166666666666675</v>
      </c>
      <c r="C483">
        <v>191000</v>
      </c>
      <c r="D483">
        <v>19.399999999999999</v>
      </c>
      <c r="E483">
        <v>1960.1449275362299</v>
      </c>
    </row>
    <row r="484" spans="1:5" x14ac:dyDescent="0.25">
      <c r="A484">
        <v>28920</v>
      </c>
      <c r="B484">
        <f t="shared" si="7"/>
        <v>8.0333333333333332</v>
      </c>
      <c r="C484">
        <v>192000</v>
      </c>
      <c r="D484">
        <v>19.399999999999999</v>
      </c>
      <c r="E484">
        <v>1963.7681159420299</v>
      </c>
    </row>
    <row r="485" spans="1:5" x14ac:dyDescent="0.25">
      <c r="A485">
        <v>28980</v>
      </c>
      <c r="B485">
        <f t="shared" si="7"/>
        <v>8.0500000000000007</v>
      </c>
      <c r="C485">
        <v>192800</v>
      </c>
      <c r="D485">
        <v>19.399999999999999</v>
      </c>
      <c r="E485">
        <v>1967.3913043478301</v>
      </c>
    </row>
    <row r="486" spans="1:5" x14ac:dyDescent="0.25">
      <c r="A486">
        <v>29040</v>
      </c>
      <c r="B486">
        <f t="shared" si="7"/>
        <v>8.0666666666666664</v>
      </c>
      <c r="C486">
        <v>193750</v>
      </c>
      <c r="D486">
        <v>19.5</v>
      </c>
      <c r="E486">
        <v>1971.0144927536201</v>
      </c>
    </row>
    <row r="487" spans="1:5" x14ac:dyDescent="0.25">
      <c r="A487">
        <v>29100</v>
      </c>
      <c r="B487">
        <f t="shared" si="7"/>
        <v>8.0833333333333339</v>
      </c>
      <c r="C487">
        <v>194550</v>
      </c>
      <c r="D487">
        <v>19.5</v>
      </c>
      <c r="E487">
        <v>1974.63768115942</v>
      </c>
    </row>
    <row r="488" spans="1:5" x14ac:dyDescent="0.25">
      <c r="A488">
        <v>29160</v>
      </c>
      <c r="B488">
        <f t="shared" si="7"/>
        <v>8.1</v>
      </c>
      <c r="C488">
        <v>195449</v>
      </c>
      <c r="D488">
        <v>19.399999999999999</v>
      </c>
      <c r="E488">
        <v>1978.26086956522</v>
      </c>
    </row>
    <row r="489" spans="1:5" x14ac:dyDescent="0.25">
      <c r="A489">
        <v>29220</v>
      </c>
      <c r="B489">
        <f t="shared" si="7"/>
        <v>8.1166666666666671</v>
      </c>
      <c r="C489">
        <v>196099</v>
      </c>
      <c r="D489">
        <v>19.5</v>
      </c>
      <c r="E489">
        <v>1981.88405797101</v>
      </c>
    </row>
    <row r="490" spans="1:5" x14ac:dyDescent="0.25">
      <c r="A490">
        <v>29280</v>
      </c>
      <c r="B490">
        <f t="shared" si="7"/>
        <v>8.1333333333333329</v>
      </c>
      <c r="C490">
        <v>196900</v>
      </c>
      <c r="D490">
        <v>19.399999999999999</v>
      </c>
      <c r="E490">
        <v>1985.5072463768099</v>
      </c>
    </row>
    <row r="491" spans="1:5" x14ac:dyDescent="0.25">
      <c r="A491">
        <v>29340</v>
      </c>
      <c r="B491">
        <f t="shared" si="7"/>
        <v>8.15</v>
      </c>
      <c r="C491">
        <v>197700</v>
      </c>
      <c r="D491">
        <v>19.399999999999999</v>
      </c>
      <c r="E491">
        <v>1989.1304347826101</v>
      </c>
    </row>
    <row r="492" spans="1:5" x14ac:dyDescent="0.25">
      <c r="A492">
        <v>29400</v>
      </c>
      <c r="B492">
        <f t="shared" si="7"/>
        <v>8.1666666666666661</v>
      </c>
      <c r="C492">
        <v>198650</v>
      </c>
      <c r="D492">
        <v>19.5</v>
      </c>
      <c r="E492">
        <v>1992.7536231884101</v>
      </c>
    </row>
    <row r="493" spans="1:5" x14ac:dyDescent="0.25">
      <c r="A493">
        <v>29460</v>
      </c>
      <c r="B493">
        <f t="shared" si="7"/>
        <v>8.1833333333333336</v>
      </c>
      <c r="C493">
        <v>199550</v>
      </c>
      <c r="D493">
        <v>19.5</v>
      </c>
      <c r="E493">
        <v>1996.3768115942</v>
      </c>
    </row>
    <row r="494" spans="1:5" x14ac:dyDescent="0.25">
      <c r="A494">
        <v>29520</v>
      </c>
      <c r="B494">
        <f t="shared" si="7"/>
        <v>8.1999999999999993</v>
      </c>
      <c r="C494">
        <v>199950</v>
      </c>
      <c r="D494">
        <v>19.5</v>
      </c>
      <c r="E494">
        <v>2000</v>
      </c>
    </row>
    <row r="495" spans="1:5" x14ac:dyDescent="0.25">
      <c r="A495">
        <v>29580</v>
      </c>
      <c r="B495">
        <f t="shared" si="7"/>
        <v>8.2166666666666668</v>
      </c>
      <c r="C495">
        <v>200600</v>
      </c>
      <c r="D495">
        <v>19.5</v>
      </c>
      <c r="E495">
        <v>2003.6231884058</v>
      </c>
    </row>
    <row r="496" spans="1:5" x14ac:dyDescent="0.25">
      <c r="A496">
        <v>29640</v>
      </c>
      <c r="B496">
        <f t="shared" si="7"/>
        <v>8.2333333333333325</v>
      </c>
      <c r="C496">
        <v>201600</v>
      </c>
      <c r="D496">
        <v>19.399999999999999</v>
      </c>
      <c r="E496">
        <v>2007.2463768115899</v>
      </c>
    </row>
    <row r="497" spans="1:5" x14ac:dyDescent="0.25">
      <c r="A497">
        <v>29700</v>
      </c>
      <c r="B497">
        <f t="shared" si="7"/>
        <v>8.25</v>
      </c>
      <c r="C497">
        <v>202750</v>
      </c>
      <c r="D497">
        <v>19.399999999999999</v>
      </c>
      <c r="E497">
        <v>2010.8695652173899</v>
      </c>
    </row>
    <row r="498" spans="1:5" x14ac:dyDescent="0.25">
      <c r="A498">
        <v>29760</v>
      </c>
      <c r="B498">
        <f t="shared" si="7"/>
        <v>8.2666666666666675</v>
      </c>
      <c r="C498">
        <v>203800</v>
      </c>
      <c r="D498">
        <v>19.399999999999999</v>
      </c>
      <c r="E498">
        <v>2014.4927536231901</v>
      </c>
    </row>
    <row r="499" spans="1:5" x14ac:dyDescent="0.25">
      <c r="A499">
        <v>29820</v>
      </c>
      <c r="B499">
        <f t="shared" si="7"/>
        <v>8.2833333333333332</v>
      </c>
      <c r="C499">
        <v>204100</v>
      </c>
      <c r="D499">
        <v>19.399999999999999</v>
      </c>
      <c r="E499">
        <v>2018.11594202899</v>
      </c>
    </row>
    <row r="500" spans="1:5" x14ac:dyDescent="0.25">
      <c r="A500">
        <v>29880</v>
      </c>
      <c r="B500">
        <f t="shared" si="7"/>
        <v>8.3000000000000007</v>
      </c>
      <c r="C500">
        <v>205200</v>
      </c>
      <c r="D500">
        <v>19.399999999999999</v>
      </c>
      <c r="E500">
        <v>2021.73913043478</v>
      </c>
    </row>
    <row r="501" spans="1:5" x14ac:dyDescent="0.25">
      <c r="A501">
        <v>29940</v>
      </c>
      <c r="B501">
        <f t="shared" si="7"/>
        <v>8.3166666666666664</v>
      </c>
      <c r="C501">
        <v>206000</v>
      </c>
      <c r="D501">
        <v>19.5</v>
      </c>
      <c r="E501">
        <v>2025.36231884058</v>
      </c>
    </row>
    <row r="502" spans="1:5" x14ac:dyDescent="0.25">
      <c r="A502">
        <v>30000</v>
      </c>
      <c r="B502">
        <f t="shared" si="7"/>
        <v>8.3333333333333339</v>
      </c>
      <c r="C502">
        <v>206750</v>
      </c>
      <c r="D502">
        <v>19.5</v>
      </c>
      <c r="E502">
        <v>2028.9855072463799</v>
      </c>
    </row>
    <row r="503" spans="1:5" x14ac:dyDescent="0.25">
      <c r="A503">
        <v>30060</v>
      </c>
      <c r="B503">
        <f t="shared" si="7"/>
        <v>8.35</v>
      </c>
      <c r="C503">
        <v>207900</v>
      </c>
      <c r="D503">
        <v>19.600000000000001</v>
      </c>
      <c r="E503">
        <v>2032.6086956521699</v>
      </c>
    </row>
    <row r="504" spans="1:5" x14ac:dyDescent="0.25">
      <c r="A504">
        <v>30120</v>
      </c>
      <c r="B504">
        <f t="shared" si="7"/>
        <v>8.3666666666666671</v>
      </c>
      <c r="C504">
        <v>208850</v>
      </c>
      <c r="D504">
        <v>19.600000000000001</v>
      </c>
      <c r="E504">
        <v>2036.2318840579701</v>
      </c>
    </row>
    <row r="505" spans="1:5" x14ac:dyDescent="0.25">
      <c r="A505">
        <v>30180</v>
      </c>
      <c r="B505">
        <f t="shared" si="7"/>
        <v>8.3833333333333329</v>
      </c>
      <c r="C505">
        <v>209750</v>
      </c>
      <c r="D505">
        <v>19.600000000000001</v>
      </c>
      <c r="E505">
        <v>2039.8550724637701</v>
      </c>
    </row>
    <row r="506" spans="1:5" x14ac:dyDescent="0.25">
      <c r="A506">
        <v>30240</v>
      </c>
      <c r="B506">
        <f t="shared" si="7"/>
        <v>8.4</v>
      </c>
      <c r="C506">
        <v>210799</v>
      </c>
      <c r="D506">
        <v>19.7</v>
      </c>
      <c r="E506">
        <v>2043.47826086957</v>
      </c>
    </row>
    <row r="507" spans="1:5" x14ac:dyDescent="0.25">
      <c r="A507">
        <v>30300</v>
      </c>
      <c r="B507">
        <f t="shared" si="7"/>
        <v>8.4166666666666661</v>
      </c>
      <c r="C507">
        <v>210950</v>
      </c>
      <c r="D507">
        <v>19.8</v>
      </c>
      <c r="E507">
        <v>2047.10144927536</v>
      </c>
    </row>
    <row r="508" spans="1:5" x14ac:dyDescent="0.25">
      <c r="A508">
        <v>30360</v>
      </c>
      <c r="B508">
        <f t="shared" si="7"/>
        <v>8.4333333333333336</v>
      </c>
      <c r="C508">
        <v>211350</v>
      </c>
      <c r="D508">
        <v>19.899999999999999</v>
      </c>
      <c r="E508">
        <v>2050.7246376811599</v>
      </c>
    </row>
    <row r="509" spans="1:5" x14ac:dyDescent="0.25">
      <c r="A509">
        <v>30420</v>
      </c>
      <c r="B509">
        <f t="shared" si="7"/>
        <v>8.4499999999999993</v>
      </c>
      <c r="C509">
        <v>212400</v>
      </c>
      <c r="D509">
        <v>20</v>
      </c>
      <c r="E509">
        <v>2054.3478260869601</v>
      </c>
    </row>
    <row r="510" spans="1:5" x14ac:dyDescent="0.25">
      <c r="A510">
        <v>30480</v>
      </c>
      <c r="B510">
        <f t="shared" si="7"/>
        <v>8.4666666666666668</v>
      </c>
      <c r="C510">
        <v>213050</v>
      </c>
      <c r="D510">
        <v>20</v>
      </c>
      <c r="E510">
        <v>2057.9710144927499</v>
      </c>
    </row>
    <row r="511" spans="1:5" x14ac:dyDescent="0.25">
      <c r="A511">
        <v>30540</v>
      </c>
      <c r="B511">
        <f t="shared" si="7"/>
        <v>8.4833333333333325</v>
      </c>
      <c r="C511">
        <v>213400</v>
      </c>
      <c r="D511">
        <v>20</v>
      </c>
      <c r="E511">
        <v>2061.5942028985501</v>
      </c>
    </row>
    <row r="512" spans="1:5" x14ac:dyDescent="0.25">
      <c r="A512">
        <v>30600</v>
      </c>
      <c r="B512">
        <f t="shared" si="7"/>
        <v>8.5</v>
      </c>
      <c r="C512">
        <v>214100</v>
      </c>
      <c r="D512">
        <v>20.100000000000001</v>
      </c>
      <c r="E512">
        <v>2065.2173913043498</v>
      </c>
    </row>
    <row r="513" spans="1:5" x14ac:dyDescent="0.25">
      <c r="A513">
        <v>30660</v>
      </c>
      <c r="B513">
        <f t="shared" si="7"/>
        <v>8.5166666666666675</v>
      </c>
      <c r="C513">
        <v>215350</v>
      </c>
      <c r="D513">
        <v>20.3</v>
      </c>
      <c r="E513">
        <v>2068.84057971015</v>
      </c>
    </row>
    <row r="514" spans="1:5" x14ac:dyDescent="0.25">
      <c r="A514">
        <v>30720</v>
      </c>
      <c r="B514">
        <f t="shared" si="7"/>
        <v>8.5333333333333332</v>
      </c>
      <c r="C514">
        <v>215900</v>
      </c>
      <c r="D514">
        <v>20.399999999999999</v>
      </c>
      <c r="E514">
        <v>2072.4637681159402</v>
      </c>
    </row>
    <row r="515" spans="1:5" x14ac:dyDescent="0.25">
      <c r="A515">
        <v>30780</v>
      </c>
      <c r="B515">
        <f t="shared" ref="B515:B578" si="8">A515/3600</f>
        <v>8.5500000000000007</v>
      </c>
      <c r="C515">
        <v>217200</v>
      </c>
      <c r="D515">
        <v>20.399999999999999</v>
      </c>
      <c r="E515">
        <v>2076.0869565217399</v>
      </c>
    </row>
    <row r="516" spans="1:5" x14ac:dyDescent="0.25">
      <c r="A516">
        <v>30840</v>
      </c>
      <c r="B516">
        <f t="shared" si="8"/>
        <v>8.5666666666666664</v>
      </c>
      <c r="C516">
        <v>217700</v>
      </c>
      <c r="D516">
        <v>20.399999999999999</v>
      </c>
      <c r="E516">
        <v>2079.7101449275401</v>
      </c>
    </row>
    <row r="517" spans="1:5" x14ac:dyDescent="0.25">
      <c r="A517">
        <v>30900</v>
      </c>
      <c r="B517">
        <f t="shared" si="8"/>
        <v>8.5833333333333339</v>
      </c>
      <c r="C517">
        <v>218450</v>
      </c>
      <c r="D517">
        <v>20.5</v>
      </c>
      <c r="E517">
        <v>2083.3333333333298</v>
      </c>
    </row>
    <row r="518" spans="1:5" x14ac:dyDescent="0.25">
      <c r="A518">
        <v>30960</v>
      </c>
      <c r="B518">
        <f t="shared" si="8"/>
        <v>8.6</v>
      </c>
      <c r="C518">
        <v>218350</v>
      </c>
      <c r="D518">
        <v>20.6</v>
      </c>
      <c r="E518">
        <v>2086.95652173913</v>
      </c>
    </row>
    <row r="519" spans="1:5" x14ac:dyDescent="0.25">
      <c r="A519">
        <v>31020</v>
      </c>
      <c r="B519">
        <f t="shared" si="8"/>
        <v>8.6166666666666671</v>
      </c>
      <c r="C519">
        <v>218300</v>
      </c>
      <c r="D519">
        <v>20.7</v>
      </c>
      <c r="E519">
        <v>2090.5797101449298</v>
      </c>
    </row>
    <row r="520" spans="1:5" x14ac:dyDescent="0.25">
      <c r="A520">
        <v>31080</v>
      </c>
      <c r="B520">
        <f t="shared" si="8"/>
        <v>8.6333333333333329</v>
      </c>
      <c r="C520">
        <v>218600</v>
      </c>
      <c r="D520">
        <v>20.7</v>
      </c>
      <c r="E520">
        <v>2094.20289855072</v>
      </c>
    </row>
    <row r="521" spans="1:5" x14ac:dyDescent="0.25">
      <c r="A521">
        <v>31140</v>
      </c>
      <c r="B521">
        <f t="shared" si="8"/>
        <v>8.65</v>
      </c>
      <c r="C521">
        <v>219400</v>
      </c>
      <c r="D521">
        <v>20.8</v>
      </c>
      <c r="E521">
        <v>2097.8260869565202</v>
      </c>
    </row>
    <row r="522" spans="1:5" x14ac:dyDescent="0.25">
      <c r="A522">
        <v>31200</v>
      </c>
      <c r="B522">
        <f t="shared" si="8"/>
        <v>8.6666666666666661</v>
      </c>
      <c r="C522">
        <v>220100</v>
      </c>
      <c r="D522">
        <v>20.8</v>
      </c>
      <c r="E522">
        <v>2101.4492753623199</v>
      </c>
    </row>
    <row r="523" spans="1:5" x14ac:dyDescent="0.25">
      <c r="A523">
        <v>31260</v>
      </c>
      <c r="B523">
        <f t="shared" si="8"/>
        <v>8.6833333333333336</v>
      </c>
      <c r="C523">
        <v>221200</v>
      </c>
      <c r="D523">
        <v>20.9</v>
      </c>
      <c r="E523">
        <v>2105.0724637681201</v>
      </c>
    </row>
    <row r="524" spans="1:5" x14ac:dyDescent="0.25">
      <c r="A524">
        <v>31320</v>
      </c>
      <c r="B524">
        <f t="shared" si="8"/>
        <v>8.6999999999999993</v>
      </c>
      <c r="C524">
        <v>221750</v>
      </c>
      <c r="D524">
        <v>21</v>
      </c>
      <c r="E524">
        <v>2108.6956521739098</v>
      </c>
    </row>
    <row r="525" spans="1:5" x14ac:dyDescent="0.25">
      <c r="A525">
        <v>31380</v>
      </c>
      <c r="B525">
        <f t="shared" si="8"/>
        <v>8.7166666666666668</v>
      </c>
      <c r="C525">
        <v>222300</v>
      </c>
      <c r="D525">
        <v>20.9</v>
      </c>
      <c r="E525">
        <v>2112.31884057971</v>
      </c>
    </row>
    <row r="526" spans="1:5" x14ac:dyDescent="0.25">
      <c r="A526">
        <v>31440</v>
      </c>
      <c r="B526">
        <f t="shared" si="8"/>
        <v>8.7333333333333325</v>
      </c>
      <c r="C526">
        <v>223200</v>
      </c>
      <c r="D526">
        <v>20.9</v>
      </c>
      <c r="E526">
        <v>2115.9420289855102</v>
      </c>
    </row>
    <row r="527" spans="1:5" x14ac:dyDescent="0.25">
      <c r="A527">
        <v>31500</v>
      </c>
      <c r="B527">
        <f t="shared" si="8"/>
        <v>8.75</v>
      </c>
      <c r="C527">
        <v>223750</v>
      </c>
      <c r="D527">
        <v>20.9</v>
      </c>
      <c r="E527">
        <v>2119.5652173912999</v>
      </c>
    </row>
    <row r="528" spans="1:5" x14ac:dyDescent="0.25">
      <c r="A528">
        <v>31560</v>
      </c>
      <c r="B528">
        <f t="shared" si="8"/>
        <v>8.7666666666666675</v>
      </c>
      <c r="C528">
        <v>224099</v>
      </c>
      <c r="D528">
        <v>21</v>
      </c>
      <c r="E528">
        <v>2123.1884057971001</v>
      </c>
    </row>
    <row r="529" spans="1:5" x14ac:dyDescent="0.25">
      <c r="A529">
        <v>31620</v>
      </c>
      <c r="B529">
        <f t="shared" si="8"/>
        <v>8.7833333333333332</v>
      </c>
      <c r="C529">
        <v>224350</v>
      </c>
      <c r="D529">
        <v>20.9</v>
      </c>
      <c r="E529">
        <v>2126.8115942028999</v>
      </c>
    </row>
    <row r="530" spans="1:5" x14ac:dyDescent="0.25">
      <c r="A530">
        <v>31680</v>
      </c>
      <c r="B530">
        <f t="shared" si="8"/>
        <v>8.8000000000000007</v>
      </c>
      <c r="C530">
        <v>224850</v>
      </c>
      <c r="D530">
        <v>21.1</v>
      </c>
      <c r="E530">
        <v>2130.4347826087001</v>
      </c>
    </row>
    <row r="531" spans="1:5" x14ac:dyDescent="0.25">
      <c r="A531">
        <v>31740</v>
      </c>
      <c r="B531">
        <f t="shared" si="8"/>
        <v>8.8166666666666664</v>
      </c>
      <c r="C531">
        <v>225800</v>
      </c>
      <c r="D531">
        <v>21.2</v>
      </c>
      <c r="E531">
        <v>2134.0579710144898</v>
      </c>
    </row>
    <row r="532" spans="1:5" x14ac:dyDescent="0.25">
      <c r="A532">
        <v>31800</v>
      </c>
      <c r="B532">
        <f t="shared" si="8"/>
        <v>8.8333333333333339</v>
      </c>
      <c r="C532">
        <v>226600</v>
      </c>
      <c r="D532">
        <v>21.3</v>
      </c>
      <c r="E532">
        <v>2137.68115942029</v>
      </c>
    </row>
    <row r="533" spans="1:5" x14ac:dyDescent="0.25">
      <c r="A533">
        <v>31860</v>
      </c>
      <c r="B533">
        <f t="shared" si="8"/>
        <v>8.85</v>
      </c>
      <c r="C533">
        <v>227500</v>
      </c>
      <c r="D533">
        <v>21.4</v>
      </c>
      <c r="E533">
        <v>2141.3043478260902</v>
      </c>
    </row>
    <row r="534" spans="1:5" x14ac:dyDescent="0.25">
      <c r="A534">
        <v>31920</v>
      </c>
      <c r="B534">
        <f t="shared" si="8"/>
        <v>8.8666666666666671</v>
      </c>
      <c r="C534">
        <v>228600</v>
      </c>
      <c r="D534">
        <v>21.5</v>
      </c>
      <c r="E534">
        <v>2144.9275362318799</v>
      </c>
    </row>
    <row r="535" spans="1:5" x14ac:dyDescent="0.25">
      <c r="A535">
        <v>31980</v>
      </c>
      <c r="B535">
        <f t="shared" si="8"/>
        <v>8.8833333333333329</v>
      </c>
      <c r="C535">
        <v>230400</v>
      </c>
      <c r="D535">
        <v>21.4</v>
      </c>
      <c r="E535">
        <v>2148.5507246376801</v>
      </c>
    </row>
    <row r="536" spans="1:5" x14ac:dyDescent="0.25">
      <c r="A536">
        <v>32040</v>
      </c>
      <c r="B536">
        <f t="shared" si="8"/>
        <v>8.9</v>
      </c>
      <c r="C536">
        <v>231099</v>
      </c>
      <c r="D536">
        <v>21.5</v>
      </c>
      <c r="E536">
        <v>2152.1739130434798</v>
      </c>
    </row>
    <row r="537" spans="1:5" x14ac:dyDescent="0.25">
      <c r="A537">
        <v>32100</v>
      </c>
      <c r="B537">
        <f t="shared" si="8"/>
        <v>8.9166666666666661</v>
      </c>
      <c r="C537">
        <v>231400</v>
      </c>
      <c r="D537">
        <v>21.6</v>
      </c>
      <c r="E537">
        <v>2155.79710144928</v>
      </c>
    </row>
    <row r="538" spans="1:5" x14ac:dyDescent="0.25">
      <c r="A538">
        <v>32160</v>
      </c>
      <c r="B538">
        <f t="shared" si="8"/>
        <v>8.9333333333333336</v>
      </c>
      <c r="C538">
        <v>232350</v>
      </c>
      <c r="D538">
        <v>21.7</v>
      </c>
      <c r="E538">
        <v>2159.4202898550702</v>
      </c>
    </row>
    <row r="539" spans="1:5" x14ac:dyDescent="0.25">
      <c r="A539">
        <v>32220</v>
      </c>
      <c r="B539">
        <f t="shared" si="8"/>
        <v>8.9499999999999993</v>
      </c>
      <c r="C539">
        <v>233100</v>
      </c>
      <c r="D539">
        <v>21.8</v>
      </c>
      <c r="E539">
        <v>2163.04347826087</v>
      </c>
    </row>
    <row r="540" spans="1:5" x14ac:dyDescent="0.25">
      <c r="A540">
        <v>32280</v>
      </c>
      <c r="B540">
        <f t="shared" si="8"/>
        <v>8.9666666666666668</v>
      </c>
      <c r="C540">
        <v>234049</v>
      </c>
      <c r="D540">
        <v>22</v>
      </c>
      <c r="E540">
        <v>2166.6666666666702</v>
      </c>
    </row>
    <row r="541" spans="1:5" x14ac:dyDescent="0.25">
      <c r="A541">
        <v>32340</v>
      </c>
      <c r="B541">
        <f t="shared" si="8"/>
        <v>8.9833333333333325</v>
      </c>
      <c r="C541">
        <v>234800</v>
      </c>
      <c r="D541">
        <v>22</v>
      </c>
      <c r="E541">
        <v>2170.2898550724599</v>
      </c>
    </row>
    <row r="542" spans="1:5" x14ac:dyDescent="0.25">
      <c r="A542">
        <v>32400</v>
      </c>
      <c r="B542">
        <f t="shared" si="8"/>
        <v>9</v>
      </c>
      <c r="C542">
        <v>236500</v>
      </c>
      <c r="D542">
        <v>22</v>
      </c>
      <c r="E542">
        <v>2173.9130434782601</v>
      </c>
    </row>
    <row r="543" spans="1:5" x14ac:dyDescent="0.25">
      <c r="A543">
        <v>32460</v>
      </c>
      <c r="B543">
        <f t="shared" si="8"/>
        <v>9.0166666666666675</v>
      </c>
      <c r="C543">
        <v>238099</v>
      </c>
      <c r="D543">
        <v>22.1</v>
      </c>
      <c r="E543">
        <v>2155.79710144928</v>
      </c>
    </row>
    <row r="544" spans="1:5" x14ac:dyDescent="0.25">
      <c r="A544">
        <v>32520</v>
      </c>
      <c r="B544">
        <f t="shared" si="8"/>
        <v>9.0333333333333332</v>
      </c>
      <c r="C544">
        <v>242900</v>
      </c>
      <c r="D544">
        <v>21.9</v>
      </c>
      <c r="E544">
        <v>2137.68115942029</v>
      </c>
    </row>
    <row r="545" spans="1:5" x14ac:dyDescent="0.25">
      <c r="A545">
        <v>32580</v>
      </c>
      <c r="B545">
        <f t="shared" si="8"/>
        <v>9.0500000000000007</v>
      </c>
      <c r="C545">
        <v>247350</v>
      </c>
      <c r="D545">
        <v>22</v>
      </c>
      <c r="E545">
        <v>2119.5652173912999</v>
      </c>
    </row>
    <row r="546" spans="1:5" x14ac:dyDescent="0.25">
      <c r="A546">
        <v>32640</v>
      </c>
      <c r="B546">
        <f t="shared" si="8"/>
        <v>9.0666666666666664</v>
      </c>
      <c r="C546">
        <v>252650</v>
      </c>
      <c r="D546">
        <v>22.1</v>
      </c>
      <c r="E546">
        <v>2101.4492753623199</v>
      </c>
    </row>
    <row r="547" spans="1:5" x14ac:dyDescent="0.25">
      <c r="A547">
        <v>32700</v>
      </c>
      <c r="B547">
        <f t="shared" si="8"/>
        <v>9.0833333333333339</v>
      </c>
      <c r="C547">
        <v>221250</v>
      </c>
      <c r="D547">
        <v>22.1</v>
      </c>
      <c r="E547">
        <v>2083.3333333333298</v>
      </c>
    </row>
    <row r="548" spans="1:5" x14ac:dyDescent="0.25">
      <c r="A548">
        <v>32760</v>
      </c>
      <c r="B548">
        <f t="shared" si="8"/>
        <v>9.1</v>
      </c>
      <c r="C548">
        <v>257950</v>
      </c>
      <c r="D548">
        <v>22.1</v>
      </c>
      <c r="E548">
        <v>2065.2173913043498</v>
      </c>
    </row>
    <row r="549" spans="1:5" x14ac:dyDescent="0.25">
      <c r="A549">
        <v>32820</v>
      </c>
      <c r="B549">
        <f t="shared" si="8"/>
        <v>9.1166666666666671</v>
      </c>
      <c r="C549">
        <v>216450</v>
      </c>
      <c r="D549">
        <v>22.3</v>
      </c>
      <c r="E549">
        <v>2047.10144927536</v>
      </c>
    </row>
    <row r="550" spans="1:5" x14ac:dyDescent="0.25">
      <c r="A550">
        <v>32880</v>
      </c>
      <c r="B550">
        <f t="shared" si="8"/>
        <v>9.1333333333333329</v>
      </c>
      <c r="C550">
        <v>97150</v>
      </c>
      <c r="D550">
        <v>22.4</v>
      </c>
      <c r="E550">
        <v>2028.9855072463799</v>
      </c>
    </row>
    <row r="551" spans="1:5" x14ac:dyDescent="0.25">
      <c r="A551">
        <v>32940</v>
      </c>
      <c r="B551">
        <f t="shared" si="8"/>
        <v>9.15</v>
      </c>
      <c r="C551">
        <v>121950</v>
      </c>
      <c r="D551">
        <v>22.4</v>
      </c>
      <c r="E551">
        <v>2010.8695652173899</v>
      </c>
    </row>
    <row r="552" spans="1:5" x14ac:dyDescent="0.25">
      <c r="A552">
        <v>33000</v>
      </c>
      <c r="B552">
        <f t="shared" si="8"/>
        <v>9.1666666666666661</v>
      </c>
      <c r="C552">
        <v>242600</v>
      </c>
      <c r="D552">
        <v>22.5</v>
      </c>
      <c r="E552">
        <v>1992.7536231884101</v>
      </c>
    </row>
    <row r="553" spans="1:5" x14ac:dyDescent="0.25">
      <c r="A553">
        <v>33060</v>
      </c>
      <c r="B553">
        <f t="shared" si="8"/>
        <v>9.1833333333333336</v>
      </c>
      <c r="C553">
        <v>43699</v>
      </c>
      <c r="D553">
        <v>22.4</v>
      </c>
      <c r="E553">
        <v>1974.63768115942</v>
      </c>
    </row>
    <row r="554" spans="1:5" x14ac:dyDescent="0.25">
      <c r="A554">
        <v>33120</v>
      </c>
      <c r="B554">
        <f t="shared" si="8"/>
        <v>9.1999999999999993</v>
      </c>
      <c r="C554">
        <v>45500</v>
      </c>
      <c r="D554">
        <v>22.5</v>
      </c>
      <c r="E554">
        <v>1956.52173913044</v>
      </c>
    </row>
    <row r="555" spans="1:5" x14ac:dyDescent="0.25">
      <c r="A555">
        <v>33180</v>
      </c>
      <c r="B555">
        <f t="shared" si="8"/>
        <v>9.2166666666666668</v>
      </c>
      <c r="C555">
        <v>47100</v>
      </c>
      <c r="D555">
        <v>22.5</v>
      </c>
      <c r="E555">
        <v>1938.4057971014499</v>
      </c>
    </row>
    <row r="556" spans="1:5" x14ac:dyDescent="0.25">
      <c r="A556">
        <v>33240</v>
      </c>
      <c r="B556">
        <f t="shared" si="8"/>
        <v>9.2333333333333325</v>
      </c>
      <c r="C556">
        <v>51300</v>
      </c>
      <c r="D556">
        <v>22.7</v>
      </c>
      <c r="E556">
        <v>1920.2898550724599</v>
      </c>
    </row>
    <row r="557" spans="1:5" x14ac:dyDescent="0.25">
      <c r="A557">
        <v>33300</v>
      </c>
      <c r="B557">
        <f t="shared" si="8"/>
        <v>9.25</v>
      </c>
      <c r="C557">
        <v>72899</v>
      </c>
      <c r="D557">
        <v>22.9</v>
      </c>
      <c r="E557">
        <v>1902.1739130434801</v>
      </c>
    </row>
    <row r="558" spans="1:5" x14ac:dyDescent="0.25">
      <c r="A558">
        <v>33360</v>
      </c>
      <c r="B558">
        <f t="shared" si="8"/>
        <v>9.2666666666666675</v>
      </c>
      <c r="C558">
        <v>201000</v>
      </c>
      <c r="D558">
        <v>22.9</v>
      </c>
      <c r="E558">
        <v>1884.05797101449</v>
      </c>
    </row>
    <row r="559" spans="1:5" x14ac:dyDescent="0.25">
      <c r="A559">
        <v>33420</v>
      </c>
      <c r="B559">
        <f t="shared" si="8"/>
        <v>9.2833333333333332</v>
      </c>
      <c r="C559">
        <v>64399</v>
      </c>
      <c r="D559">
        <v>23</v>
      </c>
      <c r="E559">
        <v>1865.94202898551</v>
      </c>
    </row>
    <row r="560" spans="1:5" x14ac:dyDescent="0.25">
      <c r="A560">
        <v>33480</v>
      </c>
      <c r="B560">
        <f t="shared" si="8"/>
        <v>9.3000000000000007</v>
      </c>
      <c r="C560">
        <v>56400</v>
      </c>
      <c r="D560">
        <v>23</v>
      </c>
      <c r="E560">
        <v>1847.8260869565199</v>
      </c>
    </row>
    <row r="561" spans="1:5" x14ac:dyDescent="0.25">
      <c r="A561">
        <v>33540</v>
      </c>
      <c r="B561">
        <f t="shared" si="8"/>
        <v>9.3166666666666664</v>
      </c>
      <c r="C561">
        <v>50000</v>
      </c>
      <c r="D561">
        <v>23</v>
      </c>
      <c r="E561">
        <v>1829.7101449275401</v>
      </c>
    </row>
    <row r="562" spans="1:5" x14ac:dyDescent="0.25">
      <c r="A562">
        <v>33600</v>
      </c>
      <c r="B562">
        <f t="shared" si="8"/>
        <v>9.3333333333333339</v>
      </c>
      <c r="C562">
        <v>44150</v>
      </c>
      <c r="D562">
        <v>22.9</v>
      </c>
      <c r="E562">
        <v>1811.5942028985501</v>
      </c>
    </row>
    <row r="563" spans="1:5" x14ac:dyDescent="0.25">
      <c r="A563">
        <v>33660</v>
      </c>
      <c r="B563">
        <f t="shared" si="8"/>
        <v>9.35</v>
      </c>
      <c r="C563">
        <v>39850</v>
      </c>
      <c r="D563">
        <v>22.8</v>
      </c>
      <c r="E563">
        <v>1793.47826086957</v>
      </c>
    </row>
    <row r="564" spans="1:5" x14ac:dyDescent="0.25">
      <c r="A564">
        <v>33720</v>
      </c>
      <c r="B564">
        <f t="shared" si="8"/>
        <v>9.3666666666666671</v>
      </c>
      <c r="C564">
        <v>40350</v>
      </c>
      <c r="D564">
        <v>22.7</v>
      </c>
      <c r="E564">
        <v>1775.36231884058</v>
      </c>
    </row>
    <row r="565" spans="1:5" x14ac:dyDescent="0.25">
      <c r="A565">
        <v>33780</v>
      </c>
      <c r="B565">
        <f t="shared" si="8"/>
        <v>9.3833333333333329</v>
      </c>
      <c r="C565">
        <v>43750</v>
      </c>
      <c r="D565">
        <v>22.8</v>
      </c>
      <c r="E565">
        <v>1757.2463768115899</v>
      </c>
    </row>
    <row r="566" spans="1:5" x14ac:dyDescent="0.25">
      <c r="A566">
        <v>33840</v>
      </c>
      <c r="B566">
        <f t="shared" si="8"/>
        <v>9.4</v>
      </c>
      <c r="C566">
        <v>45350</v>
      </c>
      <c r="D566">
        <v>22.7</v>
      </c>
      <c r="E566">
        <v>1739.1304347826101</v>
      </c>
    </row>
    <row r="567" spans="1:5" x14ac:dyDescent="0.25">
      <c r="A567">
        <v>33900</v>
      </c>
      <c r="B567">
        <f t="shared" si="8"/>
        <v>9.4166666666666661</v>
      </c>
      <c r="C567">
        <v>47850</v>
      </c>
      <c r="D567">
        <v>22.6</v>
      </c>
      <c r="E567">
        <v>1721.0144927536201</v>
      </c>
    </row>
    <row r="568" spans="1:5" x14ac:dyDescent="0.25">
      <c r="A568">
        <v>33960</v>
      </c>
      <c r="B568">
        <f t="shared" si="8"/>
        <v>9.4333333333333336</v>
      </c>
      <c r="C568">
        <v>55300</v>
      </c>
      <c r="D568">
        <v>22.4</v>
      </c>
      <c r="E568">
        <v>1702.89855072464</v>
      </c>
    </row>
    <row r="569" spans="1:5" x14ac:dyDescent="0.25">
      <c r="A569">
        <v>34020</v>
      </c>
      <c r="B569">
        <f t="shared" si="8"/>
        <v>9.4499999999999993</v>
      </c>
      <c r="C569">
        <v>96399</v>
      </c>
      <c r="D569">
        <v>22.3</v>
      </c>
      <c r="E569">
        <v>1684.78260869565</v>
      </c>
    </row>
    <row r="570" spans="1:5" x14ac:dyDescent="0.25">
      <c r="A570">
        <v>34080</v>
      </c>
      <c r="B570">
        <f t="shared" si="8"/>
        <v>9.4666666666666668</v>
      </c>
      <c r="C570">
        <v>300750</v>
      </c>
      <c r="D570">
        <v>22.2</v>
      </c>
      <c r="E570">
        <v>1666.6666666666699</v>
      </c>
    </row>
    <row r="571" spans="1:5" x14ac:dyDescent="0.25">
      <c r="A571">
        <v>34140</v>
      </c>
      <c r="B571">
        <f t="shared" si="8"/>
        <v>9.4833333333333325</v>
      </c>
      <c r="C571">
        <v>298200</v>
      </c>
      <c r="D571">
        <v>22.1</v>
      </c>
      <c r="E571">
        <v>1648.5507246376801</v>
      </c>
    </row>
    <row r="572" spans="1:5" x14ac:dyDescent="0.25">
      <c r="A572">
        <v>34200</v>
      </c>
      <c r="B572">
        <f t="shared" si="8"/>
        <v>9.5</v>
      </c>
      <c r="C572">
        <v>294800</v>
      </c>
      <c r="D572">
        <v>22.1</v>
      </c>
      <c r="E572">
        <v>1630.4347826087001</v>
      </c>
    </row>
    <row r="573" spans="1:5" x14ac:dyDescent="0.25">
      <c r="A573">
        <v>34260</v>
      </c>
      <c r="B573">
        <f t="shared" si="8"/>
        <v>9.5166666666666675</v>
      </c>
      <c r="C573">
        <v>292550</v>
      </c>
      <c r="D573">
        <v>22.1</v>
      </c>
      <c r="E573">
        <v>1612.31884057971</v>
      </c>
    </row>
    <row r="574" spans="1:5" x14ac:dyDescent="0.25">
      <c r="A574">
        <v>34320</v>
      </c>
      <c r="B574">
        <f t="shared" si="8"/>
        <v>9.5333333333333332</v>
      </c>
      <c r="C574">
        <v>286400</v>
      </c>
      <c r="D574">
        <v>22.2</v>
      </c>
      <c r="E574">
        <v>1594.20289855072</v>
      </c>
    </row>
    <row r="575" spans="1:5" x14ac:dyDescent="0.25">
      <c r="A575">
        <v>34380</v>
      </c>
      <c r="B575">
        <f t="shared" si="8"/>
        <v>9.5500000000000007</v>
      </c>
      <c r="C575">
        <v>204300</v>
      </c>
      <c r="D575">
        <v>22.4</v>
      </c>
      <c r="E575">
        <v>1576.0869565217399</v>
      </c>
    </row>
    <row r="576" spans="1:5" x14ac:dyDescent="0.25">
      <c r="A576">
        <v>34440</v>
      </c>
      <c r="B576">
        <f t="shared" si="8"/>
        <v>9.5666666666666664</v>
      </c>
      <c r="C576">
        <v>45800</v>
      </c>
      <c r="D576">
        <v>22.6</v>
      </c>
      <c r="E576">
        <v>1557.9710144927501</v>
      </c>
    </row>
    <row r="577" spans="1:5" x14ac:dyDescent="0.25">
      <c r="A577">
        <v>34500</v>
      </c>
      <c r="B577">
        <f t="shared" si="8"/>
        <v>9.5833333333333339</v>
      </c>
      <c r="C577">
        <v>58900</v>
      </c>
      <c r="D577">
        <v>22.7</v>
      </c>
      <c r="E577">
        <v>1539.8550724637701</v>
      </c>
    </row>
    <row r="578" spans="1:5" x14ac:dyDescent="0.25">
      <c r="A578">
        <v>34560</v>
      </c>
      <c r="B578">
        <f t="shared" si="8"/>
        <v>9.6</v>
      </c>
      <c r="C578">
        <v>100500</v>
      </c>
      <c r="D578">
        <v>22.7</v>
      </c>
      <c r="E578">
        <v>1521.73913043478</v>
      </c>
    </row>
    <row r="579" spans="1:5" x14ac:dyDescent="0.25">
      <c r="A579">
        <v>34620</v>
      </c>
      <c r="B579">
        <f t="shared" ref="B579:B642" si="9">A579/3600</f>
        <v>9.6166666666666671</v>
      </c>
      <c r="C579">
        <v>281200</v>
      </c>
      <c r="D579">
        <v>22.8</v>
      </c>
      <c r="E579">
        <v>1503.6231884058</v>
      </c>
    </row>
    <row r="580" spans="1:5" x14ac:dyDescent="0.25">
      <c r="A580">
        <v>34680</v>
      </c>
      <c r="B580">
        <f t="shared" si="9"/>
        <v>9.6333333333333329</v>
      </c>
      <c r="C580">
        <v>289700</v>
      </c>
      <c r="D580">
        <v>22.7</v>
      </c>
      <c r="E580">
        <v>1485.5072463768099</v>
      </c>
    </row>
    <row r="581" spans="1:5" x14ac:dyDescent="0.25">
      <c r="A581">
        <v>34740</v>
      </c>
      <c r="B581">
        <f t="shared" si="9"/>
        <v>9.65</v>
      </c>
      <c r="C581">
        <v>290849</v>
      </c>
      <c r="D581">
        <v>22.7</v>
      </c>
      <c r="E581">
        <v>1467.3913043478301</v>
      </c>
    </row>
    <row r="582" spans="1:5" x14ac:dyDescent="0.25">
      <c r="A582">
        <v>34800</v>
      </c>
      <c r="B582">
        <f t="shared" si="9"/>
        <v>9.6666666666666661</v>
      </c>
      <c r="C582">
        <v>278499</v>
      </c>
      <c r="D582">
        <v>22.8</v>
      </c>
      <c r="E582">
        <v>1449.2753623188401</v>
      </c>
    </row>
    <row r="583" spans="1:5" x14ac:dyDescent="0.25">
      <c r="A583">
        <v>34860</v>
      </c>
      <c r="B583">
        <f t="shared" si="9"/>
        <v>9.6833333333333336</v>
      </c>
      <c r="C583">
        <v>290050</v>
      </c>
      <c r="D583">
        <v>22.9</v>
      </c>
      <c r="E583">
        <v>1431.15942028986</v>
      </c>
    </row>
    <row r="584" spans="1:5" x14ac:dyDescent="0.25">
      <c r="A584">
        <v>34920</v>
      </c>
      <c r="B584">
        <f t="shared" si="9"/>
        <v>9.6999999999999993</v>
      </c>
      <c r="C584">
        <v>293150</v>
      </c>
      <c r="D584">
        <v>23</v>
      </c>
      <c r="E584">
        <v>1413.04347826087</v>
      </c>
    </row>
    <row r="585" spans="1:5" x14ac:dyDescent="0.25">
      <c r="A585">
        <v>34980</v>
      </c>
      <c r="B585">
        <f t="shared" si="9"/>
        <v>9.7166666666666668</v>
      </c>
      <c r="C585">
        <v>240700</v>
      </c>
      <c r="D585">
        <v>23</v>
      </c>
      <c r="E585">
        <v>1394.9275362318799</v>
      </c>
    </row>
    <row r="586" spans="1:5" x14ac:dyDescent="0.25">
      <c r="A586">
        <v>35040</v>
      </c>
      <c r="B586">
        <f t="shared" si="9"/>
        <v>9.7333333333333325</v>
      </c>
      <c r="C586">
        <v>68899</v>
      </c>
      <c r="D586">
        <v>23.1</v>
      </c>
      <c r="E586">
        <v>1376.8115942029001</v>
      </c>
    </row>
    <row r="587" spans="1:5" x14ac:dyDescent="0.25">
      <c r="A587">
        <v>35100</v>
      </c>
      <c r="B587">
        <f t="shared" si="9"/>
        <v>9.75</v>
      </c>
      <c r="C587">
        <v>174600</v>
      </c>
      <c r="D587">
        <v>23.2</v>
      </c>
      <c r="E587">
        <v>1358.69565217391</v>
      </c>
    </row>
    <row r="588" spans="1:5" x14ac:dyDescent="0.25">
      <c r="A588">
        <v>35160</v>
      </c>
      <c r="B588">
        <f t="shared" si="9"/>
        <v>9.7666666666666675</v>
      </c>
      <c r="C588">
        <v>280650</v>
      </c>
      <c r="D588">
        <v>23.2</v>
      </c>
      <c r="E588">
        <v>1340.57971014493</v>
      </c>
    </row>
    <row r="589" spans="1:5" x14ac:dyDescent="0.25">
      <c r="A589">
        <v>35220</v>
      </c>
      <c r="B589">
        <f t="shared" si="9"/>
        <v>9.7833333333333332</v>
      </c>
      <c r="C589">
        <v>291650</v>
      </c>
      <c r="D589">
        <v>23.2</v>
      </c>
      <c r="E589">
        <v>1322.46376811594</v>
      </c>
    </row>
    <row r="590" spans="1:5" x14ac:dyDescent="0.25">
      <c r="A590">
        <v>35280</v>
      </c>
      <c r="B590">
        <f t="shared" si="9"/>
        <v>9.8000000000000007</v>
      </c>
      <c r="C590">
        <v>292750</v>
      </c>
      <c r="D590">
        <v>23.1</v>
      </c>
      <c r="E590">
        <v>1304.3478260869599</v>
      </c>
    </row>
    <row r="591" spans="1:5" x14ac:dyDescent="0.25">
      <c r="A591">
        <v>35340</v>
      </c>
      <c r="B591">
        <f t="shared" si="9"/>
        <v>9.8166666666666664</v>
      </c>
      <c r="C591">
        <v>290250</v>
      </c>
      <c r="D591">
        <v>23.1</v>
      </c>
      <c r="E591">
        <v>1286.2318840579701</v>
      </c>
    </row>
    <row r="592" spans="1:5" x14ac:dyDescent="0.25">
      <c r="A592">
        <v>35400</v>
      </c>
      <c r="B592">
        <f t="shared" si="9"/>
        <v>9.8333333333333339</v>
      </c>
      <c r="C592">
        <v>288450</v>
      </c>
      <c r="D592">
        <v>23.1</v>
      </c>
      <c r="E592">
        <v>1268.11594202899</v>
      </c>
    </row>
    <row r="593" spans="1:5" x14ac:dyDescent="0.25">
      <c r="A593">
        <v>35460</v>
      </c>
      <c r="B593">
        <f t="shared" si="9"/>
        <v>9.85</v>
      </c>
      <c r="C593">
        <v>286650</v>
      </c>
      <c r="D593">
        <v>23.2</v>
      </c>
      <c r="E593">
        <v>1250</v>
      </c>
    </row>
    <row r="594" spans="1:5" x14ac:dyDescent="0.25">
      <c r="A594">
        <v>35520</v>
      </c>
      <c r="B594">
        <f t="shared" si="9"/>
        <v>9.8666666666666671</v>
      </c>
      <c r="C594">
        <v>286550</v>
      </c>
      <c r="D594">
        <v>23.2</v>
      </c>
      <c r="E594">
        <v>1231.88405797101</v>
      </c>
    </row>
    <row r="595" spans="1:5" x14ac:dyDescent="0.25">
      <c r="A595">
        <v>35580</v>
      </c>
      <c r="B595">
        <f t="shared" si="9"/>
        <v>9.8833333333333329</v>
      </c>
      <c r="C595">
        <v>286350</v>
      </c>
      <c r="D595">
        <v>23.2</v>
      </c>
      <c r="E595">
        <v>1213.7681159420299</v>
      </c>
    </row>
    <row r="596" spans="1:5" x14ac:dyDescent="0.25">
      <c r="A596">
        <v>35640</v>
      </c>
      <c r="B596">
        <f t="shared" si="9"/>
        <v>9.9</v>
      </c>
      <c r="C596">
        <v>285949</v>
      </c>
      <c r="D596">
        <v>23.3</v>
      </c>
      <c r="E596">
        <v>1195.6521739130401</v>
      </c>
    </row>
    <row r="597" spans="1:5" x14ac:dyDescent="0.25">
      <c r="A597">
        <v>35700</v>
      </c>
      <c r="B597">
        <f t="shared" si="9"/>
        <v>9.9166666666666661</v>
      </c>
      <c r="C597">
        <v>285800</v>
      </c>
      <c r="D597">
        <v>23.4</v>
      </c>
      <c r="E597">
        <v>1177.53623188406</v>
      </c>
    </row>
    <row r="598" spans="1:5" x14ac:dyDescent="0.25">
      <c r="A598">
        <v>35760</v>
      </c>
      <c r="B598">
        <f t="shared" si="9"/>
        <v>9.9333333333333336</v>
      </c>
      <c r="C598">
        <v>285200</v>
      </c>
      <c r="D598">
        <v>23.3</v>
      </c>
      <c r="E598">
        <v>1159.42028985507</v>
      </c>
    </row>
    <row r="599" spans="1:5" x14ac:dyDescent="0.25">
      <c r="A599">
        <v>35820</v>
      </c>
      <c r="B599">
        <f t="shared" si="9"/>
        <v>9.9499999999999993</v>
      </c>
      <c r="C599">
        <v>284900</v>
      </c>
      <c r="D599">
        <v>23.2</v>
      </c>
      <c r="E599">
        <v>1141.30434782609</v>
      </c>
    </row>
    <row r="600" spans="1:5" x14ac:dyDescent="0.25">
      <c r="A600">
        <v>35880</v>
      </c>
      <c r="B600">
        <f t="shared" si="9"/>
        <v>9.9666666666666668</v>
      </c>
      <c r="C600">
        <v>282350</v>
      </c>
      <c r="D600">
        <v>23.3</v>
      </c>
      <c r="E600">
        <v>1123.1884057970999</v>
      </c>
    </row>
    <row r="601" spans="1:5" x14ac:dyDescent="0.25">
      <c r="A601">
        <v>35940</v>
      </c>
      <c r="B601">
        <f t="shared" si="9"/>
        <v>9.9833333333333325</v>
      </c>
      <c r="C601">
        <v>281500</v>
      </c>
      <c r="D601">
        <v>23.4</v>
      </c>
      <c r="E601">
        <v>1105.0724637681201</v>
      </c>
    </row>
    <row r="602" spans="1:5" x14ac:dyDescent="0.25">
      <c r="A602">
        <v>36000</v>
      </c>
      <c r="B602">
        <f t="shared" si="9"/>
        <v>10</v>
      </c>
      <c r="C602">
        <v>280600</v>
      </c>
      <c r="D602">
        <v>23.7</v>
      </c>
      <c r="E602">
        <v>1086.95652173913</v>
      </c>
    </row>
    <row r="603" spans="1:5" x14ac:dyDescent="0.25">
      <c r="A603">
        <v>36060</v>
      </c>
      <c r="B603">
        <f t="shared" si="9"/>
        <v>10.016666666666667</v>
      </c>
      <c r="C603">
        <v>279350</v>
      </c>
      <c r="D603">
        <v>23.7</v>
      </c>
      <c r="E603">
        <v>1079.7101449275401</v>
      </c>
    </row>
    <row r="604" spans="1:5" x14ac:dyDescent="0.25">
      <c r="A604">
        <v>36120</v>
      </c>
      <c r="B604">
        <f t="shared" si="9"/>
        <v>10.033333333333333</v>
      </c>
      <c r="C604">
        <v>279650</v>
      </c>
      <c r="D604">
        <v>23.5</v>
      </c>
      <c r="E604">
        <v>1072.46376811594</v>
      </c>
    </row>
    <row r="605" spans="1:5" x14ac:dyDescent="0.25">
      <c r="A605">
        <v>36180</v>
      </c>
      <c r="B605">
        <f t="shared" si="9"/>
        <v>10.050000000000001</v>
      </c>
      <c r="C605">
        <v>280200</v>
      </c>
      <c r="D605">
        <v>23.3</v>
      </c>
      <c r="E605">
        <v>1065.21739130435</v>
      </c>
    </row>
    <row r="606" spans="1:5" x14ac:dyDescent="0.25">
      <c r="A606">
        <v>36240</v>
      </c>
      <c r="B606">
        <f t="shared" si="9"/>
        <v>10.066666666666666</v>
      </c>
      <c r="C606">
        <v>277599</v>
      </c>
      <c r="D606">
        <v>23.3</v>
      </c>
      <c r="E606">
        <v>1057.9710144927501</v>
      </c>
    </row>
    <row r="607" spans="1:5" x14ac:dyDescent="0.25">
      <c r="A607">
        <v>36300</v>
      </c>
      <c r="B607">
        <f t="shared" si="9"/>
        <v>10.083333333333334</v>
      </c>
      <c r="C607">
        <v>278599</v>
      </c>
      <c r="D607">
        <v>23.3</v>
      </c>
      <c r="E607">
        <v>1050.7246376811599</v>
      </c>
    </row>
    <row r="608" spans="1:5" x14ac:dyDescent="0.25">
      <c r="A608">
        <v>36360</v>
      </c>
      <c r="B608">
        <f t="shared" si="9"/>
        <v>10.1</v>
      </c>
      <c r="C608">
        <v>277099</v>
      </c>
      <c r="D608">
        <v>23.4</v>
      </c>
      <c r="E608">
        <v>1043.47826086957</v>
      </c>
    </row>
    <row r="609" spans="1:5" x14ac:dyDescent="0.25">
      <c r="A609">
        <v>36420</v>
      </c>
      <c r="B609">
        <f t="shared" si="9"/>
        <v>10.116666666666667</v>
      </c>
      <c r="C609">
        <v>276650</v>
      </c>
      <c r="D609">
        <v>23.5</v>
      </c>
      <c r="E609">
        <v>1036.2318840579701</v>
      </c>
    </row>
    <row r="610" spans="1:5" x14ac:dyDescent="0.25">
      <c r="A610">
        <v>36480</v>
      </c>
      <c r="B610">
        <f t="shared" si="9"/>
        <v>10.133333333333333</v>
      </c>
      <c r="C610">
        <v>277000</v>
      </c>
      <c r="D610">
        <v>23.6</v>
      </c>
      <c r="E610">
        <v>1028.9855072463799</v>
      </c>
    </row>
    <row r="611" spans="1:5" x14ac:dyDescent="0.25">
      <c r="A611">
        <v>36540</v>
      </c>
      <c r="B611">
        <f t="shared" si="9"/>
        <v>10.15</v>
      </c>
      <c r="C611">
        <v>278400</v>
      </c>
      <c r="D611">
        <v>23.6</v>
      </c>
      <c r="E611">
        <v>1021.73913043478</v>
      </c>
    </row>
    <row r="612" spans="1:5" x14ac:dyDescent="0.25">
      <c r="A612">
        <v>36600</v>
      </c>
      <c r="B612">
        <f t="shared" si="9"/>
        <v>10.166666666666666</v>
      </c>
      <c r="C612">
        <v>279650</v>
      </c>
      <c r="D612">
        <v>23.6</v>
      </c>
      <c r="E612">
        <v>1014.49275362319</v>
      </c>
    </row>
    <row r="613" spans="1:5" x14ac:dyDescent="0.25">
      <c r="A613">
        <v>36660</v>
      </c>
      <c r="B613">
        <f t="shared" si="9"/>
        <v>10.183333333333334</v>
      </c>
      <c r="C613">
        <v>283250</v>
      </c>
      <c r="D613">
        <v>23.7</v>
      </c>
      <c r="E613">
        <v>1007.24637681159</v>
      </c>
    </row>
    <row r="614" spans="1:5" x14ac:dyDescent="0.25">
      <c r="A614">
        <v>36720</v>
      </c>
      <c r="B614">
        <f t="shared" si="9"/>
        <v>10.199999999999999</v>
      </c>
      <c r="C614">
        <v>286650</v>
      </c>
      <c r="D614">
        <v>23.7</v>
      </c>
      <c r="E614">
        <v>1000</v>
      </c>
    </row>
    <row r="615" spans="1:5" x14ac:dyDescent="0.25">
      <c r="A615">
        <v>36780</v>
      </c>
      <c r="B615">
        <f t="shared" si="9"/>
        <v>10.216666666666667</v>
      </c>
      <c r="C615">
        <v>288150</v>
      </c>
      <c r="D615">
        <v>23.8</v>
      </c>
      <c r="E615">
        <v>992.75362318840598</v>
      </c>
    </row>
    <row r="616" spans="1:5" x14ac:dyDescent="0.25">
      <c r="A616">
        <v>36840</v>
      </c>
      <c r="B616">
        <f t="shared" si="9"/>
        <v>10.233333333333333</v>
      </c>
      <c r="C616">
        <v>288750</v>
      </c>
      <c r="D616">
        <v>23.7</v>
      </c>
      <c r="E616">
        <v>985.50724637681196</v>
      </c>
    </row>
    <row r="617" spans="1:5" x14ac:dyDescent="0.25">
      <c r="A617">
        <v>36900</v>
      </c>
      <c r="B617">
        <f t="shared" si="9"/>
        <v>10.25</v>
      </c>
      <c r="C617">
        <v>289750</v>
      </c>
      <c r="D617">
        <v>23.7</v>
      </c>
      <c r="E617">
        <v>978.26086956521794</v>
      </c>
    </row>
    <row r="618" spans="1:5" x14ac:dyDescent="0.25">
      <c r="A618">
        <v>36960</v>
      </c>
      <c r="B618">
        <f t="shared" si="9"/>
        <v>10.266666666666667</v>
      </c>
      <c r="C618">
        <v>291250</v>
      </c>
      <c r="D618">
        <v>23.7</v>
      </c>
      <c r="E618">
        <v>971.01449275362302</v>
      </c>
    </row>
    <row r="619" spans="1:5" x14ac:dyDescent="0.25">
      <c r="A619">
        <v>37020</v>
      </c>
      <c r="B619">
        <f t="shared" si="9"/>
        <v>10.283333333333333</v>
      </c>
      <c r="C619">
        <v>293500</v>
      </c>
      <c r="D619">
        <v>23.8</v>
      </c>
      <c r="E619">
        <v>963.768115942029</v>
      </c>
    </row>
    <row r="620" spans="1:5" x14ac:dyDescent="0.25">
      <c r="A620">
        <v>37080</v>
      </c>
      <c r="B620">
        <f t="shared" si="9"/>
        <v>10.3</v>
      </c>
      <c r="C620">
        <v>56050</v>
      </c>
      <c r="D620">
        <v>23.9</v>
      </c>
      <c r="E620">
        <v>956.52173913043498</v>
      </c>
    </row>
    <row r="621" spans="1:5" x14ac:dyDescent="0.25">
      <c r="A621">
        <v>37140</v>
      </c>
      <c r="B621">
        <f t="shared" si="9"/>
        <v>10.316666666666666</v>
      </c>
      <c r="C621">
        <v>64500</v>
      </c>
      <c r="D621">
        <v>23.9</v>
      </c>
      <c r="E621">
        <v>949.27536231884096</v>
      </c>
    </row>
    <row r="622" spans="1:5" x14ac:dyDescent="0.25">
      <c r="A622">
        <v>37200</v>
      </c>
      <c r="B622">
        <f t="shared" si="9"/>
        <v>10.333333333333334</v>
      </c>
      <c r="C622">
        <v>106700</v>
      </c>
      <c r="D622">
        <v>24</v>
      </c>
      <c r="E622">
        <v>942.02898550724603</v>
      </c>
    </row>
    <row r="623" spans="1:5" x14ac:dyDescent="0.25">
      <c r="A623">
        <v>37260</v>
      </c>
      <c r="B623">
        <f t="shared" si="9"/>
        <v>10.35</v>
      </c>
      <c r="C623">
        <v>266200</v>
      </c>
      <c r="D623">
        <v>23.9</v>
      </c>
      <c r="E623">
        <v>934.78260869565202</v>
      </c>
    </row>
    <row r="624" spans="1:5" x14ac:dyDescent="0.25">
      <c r="A624">
        <v>37320</v>
      </c>
      <c r="B624">
        <f t="shared" si="9"/>
        <v>10.366666666666667</v>
      </c>
      <c r="C624">
        <v>300150</v>
      </c>
      <c r="D624">
        <v>23.9</v>
      </c>
      <c r="E624">
        <v>927.536231884058</v>
      </c>
    </row>
    <row r="625" spans="1:5" x14ac:dyDescent="0.25">
      <c r="A625">
        <v>37380</v>
      </c>
      <c r="B625">
        <f t="shared" si="9"/>
        <v>10.383333333333333</v>
      </c>
      <c r="C625">
        <v>299500</v>
      </c>
      <c r="D625">
        <v>23.9</v>
      </c>
      <c r="E625">
        <v>920.28985507246398</v>
      </c>
    </row>
    <row r="626" spans="1:5" x14ac:dyDescent="0.25">
      <c r="A626">
        <v>37440</v>
      </c>
      <c r="B626">
        <f t="shared" si="9"/>
        <v>10.4</v>
      </c>
      <c r="C626">
        <v>294850</v>
      </c>
      <c r="D626">
        <v>23.8</v>
      </c>
      <c r="E626">
        <v>913.04347826086996</v>
      </c>
    </row>
    <row r="627" spans="1:5" x14ac:dyDescent="0.25">
      <c r="A627">
        <v>37500</v>
      </c>
      <c r="B627">
        <f t="shared" si="9"/>
        <v>10.416666666666666</v>
      </c>
      <c r="C627">
        <v>293500</v>
      </c>
      <c r="D627">
        <v>23.8</v>
      </c>
      <c r="E627">
        <v>905.79710144927606</v>
      </c>
    </row>
    <row r="628" spans="1:5" x14ac:dyDescent="0.25">
      <c r="A628">
        <v>37560</v>
      </c>
      <c r="B628">
        <f t="shared" si="9"/>
        <v>10.433333333333334</v>
      </c>
      <c r="C628">
        <v>283300</v>
      </c>
      <c r="D628">
        <v>24</v>
      </c>
      <c r="E628">
        <v>898.55072463768101</v>
      </c>
    </row>
    <row r="629" spans="1:5" x14ac:dyDescent="0.25">
      <c r="A629">
        <v>37620</v>
      </c>
      <c r="B629">
        <f t="shared" si="9"/>
        <v>10.45</v>
      </c>
      <c r="C629">
        <v>293300</v>
      </c>
      <c r="D629">
        <v>24.1</v>
      </c>
      <c r="E629">
        <v>891.304347826087</v>
      </c>
    </row>
    <row r="630" spans="1:5" x14ac:dyDescent="0.25">
      <c r="A630">
        <v>37680</v>
      </c>
      <c r="B630">
        <f t="shared" si="9"/>
        <v>10.466666666666667</v>
      </c>
      <c r="C630">
        <v>290550</v>
      </c>
      <c r="D630">
        <v>24.1</v>
      </c>
      <c r="E630">
        <v>884.05797101449298</v>
      </c>
    </row>
    <row r="631" spans="1:5" x14ac:dyDescent="0.25">
      <c r="A631">
        <v>37740</v>
      </c>
      <c r="B631">
        <f t="shared" si="9"/>
        <v>10.483333333333333</v>
      </c>
      <c r="C631">
        <v>293650</v>
      </c>
      <c r="D631">
        <v>24.2</v>
      </c>
      <c r="E631">
        <v>876.81159420289896</v>
      </c>
    </row>
    <row r="632" spans="1:5" x14ac:dyDescent="0.25">
      <c r="A632">
        <v>37800</v>
      </c>
      <c r="B632">
        <f t="shared" si="9"/>
        <v>10.5</v>
      </c>
      <c r="C632">
        <v>291400</v>
      </c>
      <c r="D632">
        <v>24.2</v>
      </c>
      <c r="E632">
        <v>869.56521739130403</v>
      </c>
    </row>
    <row r="633" spans="1:5" x14ac:dyDescent="0.25">
      <c r="A633">
        <v>37860</v>
      </c>
      <c r="B633">
        <f t="shared" si="9"/>
        <v>10.516666666666667</v>
      </c>
      <c r="C633">
        <v>287950</v>
      </c>
      <c r="D633">
        <v>24.2</v>
      </c>
      <c r="E633">
        <v>862.31884057971001</v>
      </c>
    </row>
    <row r="634" spans="1:5" x14ac:dyDescent="0.25">
      <c r="A634">
        <v>37920</v>
      </c>
      <c r="B634">
        <f t="shared" si="9"/>
        <v>10.533333333333333</v>
      </c>
      <c r="C634">
        <v>287900</v>
      </c>
      <c r="D634">
        <v>24.2</v>
      </c>
      <c r="E634">
        <v>855.07246376811599</v>
      </c>
    </row>
    <row r="635" spans="1:5" x14ac:dyDescent="0.25">
      <c r="A635">
        <v>37980</v>
      </c>
      <c r="B635">
        <f t="shared" si="9"/>
        <v>10.55</v>
      </c>
      <c r="C635">
        <v>287600</v>
      </c>
      <c r="D635">
        <v>24.1</v>
      </c>
      <c r="E635">
        <v>847.82608695652198</v>
      </c>
    </row>
    <row r="636" spans="1:5" x14ac:dyDescent="0.25">
      <c r="A636">
        <v>38040</v>
      </c>
      <c r="B636">
        <f t="shared" si="9"/>
        <v>10.566666666666666</v>
      </c>
      <c r="C636">
        <v>286250</v>
      </c>
      <c r="D636">
        <v>24.2</v>
      </c>
      <c r="E636">
        <v>840.57971014492796</v>
      </c>
    </row>
    <row r="637" spans="1:5" x14ac:dyDescent="0.25">
      <c r="A637">
        <v>38100</v>
      </c>
      <c r="B637">
        <f t="shared" si="9"/>
        <v>10.583333333333334</v>
      </c>
      <c r="C637">
        <v>284150</v>
      </c>
      <c r="D637">
        <v>24.2</v>
      </c>
      <c r="E637">
        <v>833.33333333333303</v>
      </c>
    </row>
    <row r="638" spans="1:5" x14ac:dyDescent="0.25">
      <c r="A638">
        <v>38160</v>
      </c>
      <c r="B638">
        <f t="shared" si="9"/>
        <v>10.6</v>
      </c>
      <c r="C638">
        <v>283450</v>
      </c>
      <c r="D638">
        <v>24.1</v>
      </c>
      <c r="E638">
        <v>826.08695652173901</v>
      </c>
    </row>
    <row r="639" spans="1:5" x14ac:dyDescent="0.25">
      <c r="A639">
        <v>38220</v>
      </c>
      <c r="B639">
        <f t="shared" si="9"/>
        <v>10.616666666666667</v>
      </c>
      <c r="C639">
        <v>283850</v>
      </c>
      <c r="D639">
        <v>24.1</v>
      </c>
      <c r="E639">
        <v>818.84057971014499</v>
      </c>
    </row>
    <row r="640" spans="1:5" x14ac:dyDescent="0.25">
      <c r="A640">
        <v>38280</v>
      </c>
      <c r="B640">
        <f t="shared" si="9"/>
        <v>10.633333333333333</v>
      </c>
      <c r="C640">
        <v>283150</v>
      </c>
      <c r="D640">
        <v>24.3</v>
      </c>
      <c r="E640">
        <v>811.59420289855098</v>
      </c>
    </row>
    <row r="641" spans="1:5" x14ac:dyDescent="0.25">
      <c r="A641">
        <v>38340</v>
      </c>
      <c r="B641">
        <f t="shared" si="9"/>
        <v>10.65</v>
      </c>
      <c r="C641">
        <v>285650</v>
      </c>
      <c r="D641">
        <v>24.3</v>
      </c>
      <c r="E641">
        <v>804.34782608695696</v>
      </c>
    </row>
    <row r="642" spans="1:5" x14ac:dyDescent="0.25">
      <c r="A642">
        <v>38400</v>
      </c>
      <c r="B642">
        <f t="shared" si="9"/>
        <v>10.666666666666666</v>
      </c>
      <c r="C642">
        <v>292349</v>
      </c>
      <c r="D642">
        <v>24.2</v>
      </c>
      <c r="E642">
        <v>797.10144927536203</v>
      </c>
    </row>
    <row r="643" spans="1:5" x14ac:dyDescent="0.25">
      <c r="A643">
        <v>38460</v>
      </c>
      <c r="B643">
        <f t="shared" ref="B643:B706" si="10">A643/3600</f>
        <v>10.683333333333334</v>
      </c>
      <c r="C643">
        <v>293500</v>
      </c>
      <c r="D643">
        <v>24.2</v>
      </c>
      <c r="E643">
        <v>789.85507246376801</v>
      </c>
    </row>
    <row r="644" spans="1:5" x14ac:dyDescent="0.25">
      <c r="A644">
        <v>38520</v>
      </c>
      <c r="B644">
        <f t="shared" si="10"/>
        <v>10.7</v>
      </c>
      <c r="C644">
        <v>293700</v>
      </c>
      <c r="D644">
        <v>24.2</v>
      </c>
      <c r="E644">
        <v>782.60869565217399</v>
      </c>
    </row>
    <row r="645" spans="1:5" x14ac:dyDescent="0.25">
      <c r="A645">
        <v>38580</v>
      </c>
      <c r="B645">
        <f t="shared" si="10"/>
        <v>10.716666666666667</v>
      </c>
      <c r="C645">
        <v>286200</v>
      </c>
      <c r="D645">
        <v>24.3</v>
      </c>
      <c r="E645">
        <v>775.36231884057997</v>
      </c>
    </row>
    <row r="646" spans="1:5" x14ac:dyDescent="0.25">
      <c r="A646">
        <v>38640</v>
      </c>
      <c r="B646">
        <f t="shared" si="10"/>
        <v>10.733333333333333</v>
      </c>
      <c r="C646">
        <v>295199</v>
      </c>
      <c r="D646">
        <v>24.3</v>
      </c>
      <c r="E646">
        <v>768.11594202898596</v>
      </c>
    </row>
    <row r="647" spans="1:5" x14ac:dyDescent="0.25">
      <c r="A647">
        <v>38700</v>
      </c>
      <c r="B647">
        <f t="shared" si="10"/>
        <v>10.75</v>
      </c>
      <c r="C647">
        <v>297300</v>
      </c>
      <c r="D647">
        <v>24.4</v>
      </c>
      <c r="E647">
        <v>760.86956521739103</v>
      </c>
    </row>
    <row r="648" spans="1:5" x14ac:dyDescent="0.25">
      <c r="A648">
        <v>38760</v>
      </c>
      <c r="B648">
        <f t="shared" si="10"/>
        <v>10.766666666666667</v>
      </c>
      <c r="C648">
        <v>296700</v>
      </c>
      <c r="D648">
        <v>24.3</v>
      </c>
      <c r="E648">
        <v>753.62318840579701</v>
      </c>
    </row>
    <row r="649" spans="1:5" x14ac:dyDescent="0.25">
      <c r="A649">
        <v>38820</v>
      </c>
      <c r="B649">
        <f t="shared" si="10"/>
        <v>10.783333333333333</v>
      </c>
      <c r="C649">
        <v>296550</v>
      </c>
      <c r="D649">
        <v>24.2</v>
      </c>
      <c r="E649">
        <v>746.37681159420299</v>
      </c>
    </row>
    <row r="650" spans="1:5" x14ac:dyDescent="0.25">
      <c r="A650">
        <v>38880</v>
      </c>
      <c r="B650">
        <f t="shared" si="10"/>
        <v>10.8</v>
      </c>
      <c r="C650">
        <v>297300</v>
      </c>
      <c r="D650">
        <v>24.1</v>
      </c>
      <c r="E650">
        <v>739.13043478260897</v>
      </c>
    </row>
    <row r="651" spans="1:5" x14ac:dyDescent="0.25">
      <c r="A651">
        <v>38940</v>
      </c>
      <c r="B651">
        <f t="shared" si="10"/>
        <v>10.816666666666666</v>
      </c>
      <c r="C651">
        <v>299150</v>
      </c>
      <c r="D651">
        <v>24</v>
      </c>
      <c r="E651">
        <v>731.88405797101495</v>
      </c>
    </row>
    <row r="652" spans="1:5" x14ac:dyDescent="0.25">
      <c r="A652">
        <v>39000</v>
      </c>
      <c r="B652">
        <f t="shared" si="10"/>
        <v>10.833333333333334</v>
      </c>
      <c r="C652">
        <v>297250</v>
      </c>
      <c r="D652">
        <v>24</v>
      </c>
      <c r="E652">
        <v>724.63768115942003</v>
      </c>
    </row>
    <row r="653" spans="1:5" x14ac:dyDescent="0.25">
      <c r="A653">
        <v>39060</v>
      </c>
      <c r="B653">
        <f t="shared" si="10"/>
        <v>10.85</v>
      </c>
      <c r="C653">
        <v>285750</v>
      </c>
      <c r="D653">
        <v>23.9</v>
      </c>
      <c r="E653">
        <v>717.39130434782601</v>
      </c>
    </row>
    <row r="654" spans="1:5" x14ac:dyDescent="0.25">
      <c r="A654">
        <v>39120</v>
      </c>
      <c r="B654">
        <f t="shared" si="10"/>
        <v>10.866666666666667</v>
      </c>
      <c r="C654">
        <v>295200</v>
      </c>
      <c r="D654">
        <v>23.8</v>
      </c>
      <c r="E654">
        <v>710.14492753623199</v>
      </c>
    </row>
    <row r="655" spans="1:5" x14ac:dyDescent="0.25">
      <c r="A655">
        <v>39180</v>
      </c>
      <c r="B655">
        <f t="shared" si="10"/>
        <v>10.883333333333333</v>
      </c>
      <c r="C655">
        <v>290200</v>
      </c>
      <c r="D655">
        <v>23.9</v>
      </c>
      <c r="E655">
        <v>702.89855072463797</v>
      </c>
    </row>
    <row r="656" spans="1:5" x14ac:dyDescent="0.25">
      <c r="A656">
        <v>39240</v>
      </c>
      <c r="B656">
        <f t="shared" si="10"/>
        <v>10.9</v>
      </c>
      <c r="C656">
        <v>289150</v>
      </c>
      <c r="D656">
        <v>23.9</v>
      </c>
      <c r="E656">
        <v>695.65217391304395</v>
      </c>
    </row>
    <row r="657" spans="1:5" x14ac:dyDescent="0.25">
      <c r="A657">
        <v>39300</v>
      </c>
      <c r="B657">
        <f t="shared" si="10"/>
        <v>10.916666666666666</v>
      </c>
      <c r="C657">
        <v>294750</v>
      </c>
      <c r="D657">
        <v>24</v>
      </c>
      <c r="E657">
        <v>688.40579710144902</v>
      </c>
    </row>
    <row r="658" spans="1:5" x14ac:dyDescent="0.25">
      <c r="A658">
        <v>39360</v>
      </c>
      <c r="B658">
        <f t="shared" si="10"/>
        <v>10.933333333333334</v>
      </c>
      <c r="C658">
        <v>294000</v>
      </c>
      <c r="D658">
        <v>24</v>
      </c>
      <c r="E658">
        <v>681.15942028985501</v>
      </c>
    </row>
    <row r="659" spans="1:5" x14ac:dyDescent="0.25">
      <c r="A659">
        <v>39420</v>
      </c>
      <c r="B659">
        <f t="shared" si="10"/>
        <v>10.95</v>
      </c>
      <c r="C659">
        <v>293350</v>
      </c>
      <c r="D659">
        <v>24.1</v>
      </c>
      <c r="E659">
        <v>673.91304347826099</v>
      </c>
    </row>
    <row r="660" spans="1:5" x14ac:dyDescent="0.25">
      <c r="A660">
        <v>39480</v>
      </c>
      <c r="B660">
        <f t="shared" si="10"/>
        <v>10.966666666666667</v>
      </c>
      <c r="C660">
        <v>293250</v>
      </c>
      <c r="D660">
        <v>24.1</v>
      </c>
      <c r="E660">
        <v>666.66666666666697</v>
      </c>
    </row>
    <row r="661" spans="1:5" x14ac:dyDescent="0.25">
      <c r="A661">
        <v>39540</v>
      </c>
      <c r="B661">
        <f t="shared" si="10"/>
        <v>10.983333333333333</v>
      </c>
      <c r="C661">
        <v>294750</v>
      </c>
      <c r="D661">
        <v>23.8</v>
      </c>
      <c r="E661">
        <v>659.42028985507204</v>
      </c>
    </row>
    <row r="662" spans="1:5" x14ac:dyDescent="0.25">
      <c r="A662">
        <v>39600</v>
      </c>
      <c r="B662">
        <f t="shared" si="10"/>
        <v>11</v>
      </c>
      <c r="C662">
        <v>297750</v>
      </c>
      <c r="D662">
        <v>23.7</v>
      </c>
      <c r="E662">
        <v>652.17391304347802</v>
      </c>
    </row>
    <row r="663" spans="1:5" x14ac:dyDescent="0.25">
      <c r="A663">
        <v>39660</v>
      </c>
      <c r="B663">
        <f t="shared" si="10"/>
        <v>11.016666666666667</v>
      </c>
      <c r="C663">
        <v>299550</v>
      </c>
      <c r="D663">
        <v>23.8</v>
      </c>
      <c r="E663">
        <v>663.04347826086996</v>
      </c>
    </row>
    <row r="664" spans="1:5" x14ac:dyDescent="0.25">
      <c r="A664">
        <v>39720</v>
      </c>
      <c r="B664">
        <f t="shared" si="10"/>
        <v>11.033333333333333</v>
      </c>
      <c r="C664">
        <v>298700</v>
      </c>
      <c r="D664">
        <v>23.9</v>
      </c>
      <c r="E664">
        <v>673.91304347826099</v>
      </c>
    </row>
    <row r="665" spans="1:5" x14ac:dyDescent="0.25">
      <c r="A665">
        <v>39780</v>
      </c>
      <c r="B665">
        <f t="shared" si="10"/>
        <v>11.05</v>
      </c>
      <c r="C665">
        <v>295400</v>
      </c>
      <c r="D665">
        <v>23.9</v>
      </c>
      <c r="E665">
        <v>684.78260869565202</v>
      </c>
    </row>
    <row r="666" spans="1:5" x14ac:dyDescent="0.25">
      <c r="A666">
        <v>39840</v>
      </c>
      <c r="B666">
        <f t="shared" si="10"/>
        <v>11.066666666666666</v>
      </c>
      <c r="C666">
        <v>296099</v>
      </c>
      <c r="D666">
        <v>24.2</v>
      </c>
      <c r="E666">
        <v>695.65217391304304</v>
      </c>
    </row>
    <row r="667" spans="1:5" x14ac:dyDescent="0.25">
      <c r="A667">
        <v>39900</v>
      </c>
      <c r="B667">
        <f t="shared" si="10"/>
        <v>11.083333333333334</v>
      </c>
      <c r="C667">
        <v>296750</v>
      </c>
      <c r="D667">
        <v>24.4</v>
      </c>
      <c r="E667">
        <v>706.52173913043498</v>
      </c>
    </row>
    <row r="668" spans="1:5" x14ac:dyDescent="0.25">
      <c r="A668">
        <v>39960</v>
      </c>
      <c r="B668">
        <f t="shared" si="10"/>
        <v>11.1</v>
      </c>
      <c r="C668">
        <v>297800</v>
      </c>
      <c r="D668">
        <v>24.6</v>
      </c>
      <c r="E668">
        <v>717.39130434782601</v>
      </c>
    </row>
    <row r="669" spans="1:5" x14ac:dyDescent="0.25">
      <c r="A669">
        <v>40020</v>
      </c>
      <c r="B669">
        <f t="shared" si="10"/>
        <v>11.116666666666667</v>
      </c>
      <c r="C669">
        <v>296300</v>
      </c>
      <c r="D669">
        <v>24.6</v>
      </c>
      <c r="E669">
        <v>728.26086956521794</v>
      </c>
    </row>
    <row r="670" spans="1:5" x14ac:dyDescent="0.25">
      <c r="A670">
        <v>40080</v>
      </c>
      <c r="B670">
        <f t="shared" si="10"/>
        <v>11.133333333333333</v>
      </c>
      <c r="C670">
        <v>295450</v>
      </c>
      <c r="D670">
        <v>24.7</v>
      </c>
      <c r="E670">
        <v>739.13043478260897</v>
      </c>
    </row>
    <row r="671" spans="1:5" x14ac:dyDescent="0.25">
      <c r="A671">
        <v>40140</v>
      </c>
      <c r="B671">
        <f t="shared" si="10"/>
        <v>11.15</v>
      </c>
      <c r="C671">
        <v>295250</v>
      </c>
      <c r="D671">
        <v>24.8</v>
      </c>
      <c r="E671">
        <v>750</v>
      </c>
    </row>
    <row r="672" spans="1:5" x14ac:dyDescent="0.25">
      <c r="A672">
        <v>40200</v>
      </c>
      <c r="B672">
        <f t="shared" si="10"/>
        <v>11.166666666666666</v>
      </c>
      <c r="C672">
        <v>298700</v>
      </c>
      <c r="D672">
        <v>24.7</v>
      </c>
      <c r="E672">
        <v>760.86956521739103</v>
      </c>
    </row>
    <row r="673" spans="1:5" x14ac:dyDescent="0.25">
      <c r="A673">
        <v>40260</v>
      </c>
      <c r="B673">
        <f t="shared" si="10"/>
        <v>11.183333333333334</v>
      </c>
      <c r="C673">
        <v>298300</v>
      </c>
      <c r="D673">
        <v>24.8</v>
      </c>
      <c r="E673">
        <v>771.73913043478296</v>
      </c>
    </row>
    <row r="674" spans="1:5" x14ac:dyDescent="0.25">
      <c r="A674">
        <v>40320</v>
      </c>
      <c r="B674">
        <f t="shared" si="10"/>
        <v>11.2</v>
      </c>
      <c r="C674">
        <v>298100</v>
      </c>
      <c r="D674">
        <v>24.8</v>
      </c>
      <c r="E674">
        <v>782.60869565217399</v>
      </c>
    </row>
    <row r="675" spans="1:5" x14ac:dyDescent="0.25">
      <c r="A675">
        <v>40380</v>
      </c>
      <c r="B675">
        <f t="shared" si="10"/>
        <v>11.216666666666667</v>
      </c>
      <c r="C675">
        <v>297400</v>
      </c>
      <c r="D675">
        <v>24.7</v>
      </c>
      <c r="E675">
        <v>793.47826086956502</v>
      </c>
    </row>
    <row r="676" spans="1:5" x14ac:dyDescent="0.25">
      <c r="A676">
        <v>40440</v>
      </c>
      <c r="B676">
        <f t="shared" si="10"/>
        <v>11.233333333333333</v>
      </c>
      <c r="C676">
        <v>297650</v>
      </c>
      <c r="D676">
        <v>24.7</v>
      </c>
      <c r="E676">
        <v>804.34782608695696</v>
      </c>
    </row>
    <row r="677" spans="1:5" x14ac:dyDescent="0.25">
      <c r="A677">
        <v>40500</v>
      </c>
      <c r="B677">
        <f t="shared" si="10"/>
        <v>11.25</v>
      </c>
      <c r="C677">
        <v>300300</v>
      </c>
      <c r="D677">
        <v>24.6</v>
      </c>
      <c r="E677">
        <v>815.21739130434798</v>
      </c>
    </row>
    <row r="678" spans="1:5" x14ac:dyDescent="0.25">
      <c r="A678">
        <v>40560</v>
      </c>
      <c r="B678">
        <f t="shared" si="10"/>
        <v>11.266666666666667</v>
      </c>
      <c r="C678">
        <v>298700</v>
      </c>
      <c r="D678">
        <v>24.5</v>
      </c>
      <c r="E678">
        <v>826.08695652173901</v>
      </c>
    </row>
    <row r="679" spans="1:5" x14ac:dyDescent="0.25">
      <c r="A679">
        <v>40620</v>
      </c>
      <c r="B679">
        <f t="shared" si="10"/>
        <v>11.283333333333333</v>
      </c>
      <c r="C679">
        <v>301650</v>
      </c>
      <c r="D679">
        <v>24.5</v>
      </c>
      <c r="E679">
        <v>836.95652173913004</v>
      </c>
    </row>
    <row r="680" spans="1:5" x14ac:dyDescent="0.25">
      <c r="A680">
        <v>40680</v>
      </c>
      <c r="B680">
        <f t="shared" si="10"/>
        <v>11.3</v>
      </c>
      <c r="C680">
        <v>306550</v>
      </c>
      <c r="D680">
        <v>24.4</v>
      </c>
      <c r="E680">
        <v>847.82608695652198</v>
      </c>
    </row>
    <row r="681" spans="1:5" x14ac:dyDescent="0.25">
      <c r="A681">
        <v>40740</v>
      </c>
      <c r="B681">
        <f t="shared" si="10"/>
        <v>11.316666666666666</v>
      </c>
      <c r="C681">
        <v>304750</v>
      </c>
      <c r="D681">
        <v>24.3</v>
      </c>
      <c r="E681">
        <v>858.695652173913</v>
      </c>
    </row>
    <row r="682" spans="1:5" x14ac:dyDescent="0.25">
      <c r="A682">
        <v>40800</v>
      </c>
      <c r="B682">
        <f t="shared" si="10"/>
        <v>11.333333333333334</v>
      </c>
      <c r="C682">
        <v>295450</v>
      </c>
      <c r="D682">
        <v>24.3</v>
      </c>
      <c r="E682">
        <v>869.56521739130403</v>
      </c>
    </row>
    <row r="683" spans="1:5" x14ac:dyDescent="0.25">
      <c r="A683">
        <v>40860</v>
      </c>
      <c r="B683">
        <f t="shared" si="10"/>
        <v>11.35</v>
      </c>
      <c r="C683">
        <v>290750</v>
      </c>
      <c r="D683">
        <v>24.2</v>
      </c>
      <c r="E683">
        <v>880.43478260869597</v>
      </c>
    </row>
    <row r="684" spans="1:5" x14ac:dyDescent="0.25">
      <c r="A684">
        <v>40920</v>
      </c>
      <c r="B684">
        <f t="shared" si="10"/>
        <v>11.366666666666667</v>
      </c>
      <c r="C684">
        <v>289150</v>
      </c>
      <c r="D684">
        <v>24.2</v>
      </c>
      <c r="E684">
        <v>891.304347826087</v>
      </c>
    </row>
    <row r="685" spans="1:5" x14ac:dyDescent="0.25">
      <c r="A685">
        <v>40980</v>
      </c>
      <c r="B685">
        <f t="shared" si="10"/>
        <v>11.383333333333333</v>
      </c>
      <c r="C685">
        <v>289849</v>
      </c>
      <c r="D685">
        <v>24.2</v>
      </c>
      <c r="E685">
        <v>902.17391304347802</v>
      </c>
    </row>
    <row r="686" spans="1:5" x14ac:dyDescent="0.25">
      <c r="A686">
        <v>41040</v>
      </c>
      <c r="B686">
        <f t="shared" si="10"/>
        <v>11.4</v>
      </c>
      <c r="C686">
        <v>293650</v>
      </c>
      <c r="D686">
        <v>24.2</v>
      </c>
      <c r="E686">
        <v>913.04347826086996</v>
      </c>
    </row>
    <row r="687" spans="1:5" x14ac:dyDescent="0.25">
      <c r="A687">
        <v>41100</v>
      </c>
      <c r="B687">
        <f t="shared" si="10"/>
        <v>11.416666666666666</v>
      </c>
      <c r="C687">
        <v>297349</v>
      </c>
      <c r="D687">
        <v>24.2</v>
      </c>
      <c r="E687">
        <v>923.91304347826099</v>
      </c>
    </row>
    <row r="688" spans="1:5" x14ac:dyDescent="0.25">
      <c r="A688">
        <v>41160</v>
      </c>
      <c r="B688">
        <f t="shared" si="10"/>
        <v>11.433333333333334</v>
      </c>
      <c r="C688">
        <v>284750</v>
      </c>
      <c r="D688">
        <v>24</v>
      </c>
      <c r="E688">
        <v>934.78260869565202</v>
      </c>
    </row>
    <row r="689" spans="1:5" x14ac:dyDescent="0.25">
      <c r="A689">
        <v>41220</v>
      </c>
      <c r="B689">
        <f t="shared" si="10"/>
        <v>11.45</v>
      </c>
      <c r="C689">
        <v>298650</v>
      </c>
      <c r="D689">
        <v>23.9</v>
      </c>
      <c r="E689">
        <v>945.65217391304395</v>
      </c>
    </row>
    <row r="690" spans="1:5" x14ac:dyDescent="0.25">
      <c r="A690">
        <v>41280</v>
      </c>
      <c r="B690">
        <f t="shared" si="10"/>
        <v>11.466666666666667</v>
      </c>
      <c r="C690">
        <v>302699</v>
      </c>
      <c r="D690">
        <v>24.1</v>
      </c>
      <c r="E690">
        <v>956.52173913043498</v>
      </c>
    </row>
    <row r="691" spans="1:5" x14ac:dyDescent="0.25">
      <c r="A691">
        <v>41340</v>
      </c>
      <c r="B691">
        <f t="shared" si="10"/>
        <v>11.483333333333333</v>
      </c>
      <c r="C691">
        <v>303000</v>
      </c>
      <c r="D691">
        <v>24.3</v>
      </c>
      <c r="E691">
        <v>967.39130434782601</v>
      </c>
    </row>
    <row r="692" spans="1:5" x14ac:dyDescent="0.25">
      <c r="A692">
        <v>41400</v>
      </c>
      <c r="B692">
        <f t="shared" si="10"/>
        <v>11.5</v>
      </c>
      <c r="C692">
        <v>306500</v>
      </c>
      <c r="D692">
        <v>24.3</v>
      </c>
      <c r="E692">
        <v>978.26086956521704</v>
      </c>
    </row>
    <row r="693" spans="1:5" x14ac:dyDescent="0.25">
      <c r="A693">
        <v>41460</v>
      </c>
      <c r="B693">
        <f t="shared" si="10"/>
        <v>11.516666666666667</v>
      </c>
      <c r="C693">
        <v>304750</v>
      </c>
      <c r="D693">
        <v>24.4</v>
      </c>
      <c r="E693">
        <v>989.13043478260897</v>
      </c>
    </row>
    <row r="694" spans="1:5" x14ac:dyDescent="0.25">
      <c r="A694">
        <v>41520</v>
      </c>
      <c r="B694">
        <f t="shared" si="10"/>
        <v>11.533333333333333</v>
      </c>
      <c r="C694">
        <v>303650</v>
      </c>
      <c r="D694">
        <v>24.4</v>
      </c>
      <c r="E694">
        <v>1000</v>
      </c>
    </row>
    <row r="695" spans="1:5" x14ac:dyDescent="0.25">
      <c r="A695">
        <v>41580</v>
      </c>
      <c r="B695">
        <f t="shared" si="10"/>
        <v>11.55</v>
      </c>
      <c r="C695">
        <v>301850</v>
      </c>
      <c r="D695">
        <v>24.5</v>
      </c>
      <c r="E695">
        <v>1010.86956521739</v>
      </c>
    </row>
    <row r="696" spans="1:5" x14ac:dyDescent="0.25">
      <c r="A696">
        <v>41640</v>
      </c>
      <c r="B696">
        <f t="shared" si="10"/>
        <v>11.566666666666666</v>
      </c>
      <c r="C696">
        <v>303300</v>
      </c>
      <c r="D696">
        <v>24.5</v>
      </c>
      <c r="E696">
        <v>1021.73913043478</v>
      </c>
    </row>
    <row r="697" spans="1:5" x14ac:dyDescent="0.25">
      <c r="A697">
        <v>41700</v>
      </c>
      <c r="B697">
        <f t="shared" si="10"/>
        <v>11.583333333333334</v>
      </c>
      <c r="C697">
        <v>302000</v>
      </c>
      <c r="D697">
        <v>24.5</v>
      </c>
      <c r="E697">
        <v>1032.6086956521699</v>
      </c>
    </row>
    <row r="698" spans="1:5" x14ac:dyDescent="0.25">
      <c r="A698">
        <v>41760</v>
      </c>
      <c r="B698">
        <f t="shared" si="10"/>
        <v>11.6</v>
      </c>
      <c r="C698">
        <v>301750</v>
      </c>
      <c r="D698">
        <v>24.6</v>
      </c>
      <c r="E698">
        <v>1043.47826086957</v>
      </c>
    </row>
    <row r="699" spans="1:5" x14ac:dyDescent="0.25">
      <c r="A699">
        <v>41820</v>
      </c>
      <c r="B699">
        <f t="shared" si="10"/>
        <v>11.616666666666667</v>
      </c>
      <c r="C699">
        <v>302599</v>
      </c>
      <c r="D699">
        <v>24.6</v>
      </c>
      <c r="E699">
        <v>1054.3478260869599</v>
      </c>
    </row>
    <row r="700" spans="1:5" x14ac:dyDescent="0.25">
      <c r="A700">
        <v>41880</v>
      </c>
      <c r="B700">
        <f t="shared" si="10"/>
        <v>11.633333333333333</v>
      </c>
      <c r="C700">
        <v>302349</v>
      </c>
      <c r="D700">
        <v>24.6</v>
      </c>
      <c r="E700">
        <v>1065.21739130435</v>
      </c>
    </row>
    <row r="701" spans="1:5" x14ac:dyDescent="0.25">
      <c r="A701">
        <v>41940</v>
      </c>
      <c r="B701">
        <f t="shared" si="10"/>
        <v>11.65</v>
      </c>
      <c r="C701">
        <v>302100</v>
      </c>
      <c r="D701">
        <v>24.7</v>
      </c>
      <c r="E701">
        <v>1076.0869565217399</v>
      </c>
    </row>
    <row r="702" spans="1:5" x14ac:dyDescent="0.25">
      <c r="A702">
        <v>42000</v>
      </c>
      <c r="B702">
        <f t="shared" si="10"/>
        <v>11.666666666666666</v>
      </c>
      <c r="C702">
        <v>303850</v>
      </c>
      <c r="D702">
        <v>24.7</v>
      </c>
      <c r="E702">
        <v>1086.95652173913</v>
      </c>
    </row>
    <row r="703" spans="1:5" x14ac:dyDescent="0.25">
      <c r="A703">
        <v>42060</v>
      </c>
      <c r="B703">
        <f t="shared" si="10"/>
        <v>11.683333333333334</v>
      </c>
      <c r="C703">
        <v>307000</v>
      </c>
      <c r="D703">
        <v>24.6</v>
      </c>
      <c r="E703">
        <v>1097.8260869565199</v>
      </c>
    </row>
    <row r="704" spans="1:5" x14ac:dyDescent="0.25">
      <c r="A704">
        <v>42120</v>
      </c>
      <c r="B704">
        <f t="shared" si="10"/>
        <v>11.7</v>
      </c>
      <c r="C704">
        <v>315000</v>
      </c>
      <c r="D704">
        <v>24.4</v>
      </c>
      <c r="E704">
        <v>1108.69565217391</v>
      </c>
    </row>
    <row r="705" spans="1:5" x14ac:dyDescent="0.25">
      <c r="A705">
        <v>42180</v>
      </c>
      <c r="B705">
        <f t="shared" si="10"/>
        <v>11.716666666666667</v>
      </c>
      <c r="C705">
        <v>199750</v>
      </c>
      <c r="D705">
        <v>24.5</v>
      </c>
      <c r="E705">
        <v>1119.5652173912999</v>
      </c>
    </row>
    <row r="706" spans="1:5" x14ac:dyDescent="0.25">
      <c r="A706">
        <v>42240</v>
      </c>
      <c r="B706">
        <f t="shared" si="10"/>
        <v>11.733333333333333</v>
      </c>
      <c r="C706">
        <v>272349</v>
      </c>
      <c r="D706">
        <v>24.5</v>
      </c>
      <c r="E706">
        <v>1130.4347826087001</v>
      </c>
    </row>
    <row r="707" spans="1:5" x14ac:dyDescent="0.25">
      <c r="A707">
        <v>42300</v>
      </c>
      <c r="B707">
        <f t="shared" ref="B707:B770" si="11">A707/3600</f>
        <v>11.75</v>
      </c>
      <c r="C707">
        <v>153100</v>
      </c>
      <c r="D707">
        <v>24.6</v>
      </c>
      <c r="E707">
        <v>1141.30434782609</v>
      </c>
    </row>
    <row r="708" spans="1:5" x14ac:dyDescent="0.25">
      <c r="A708">
        <v>42360</v>
      </c>
      <c r="B708">
        <f t="shared" si="11"/>
        <v>11.766666666666667</v>
      </c>
      <c r="C708">
        <v>146150</v>
      </c>
      <c r="D708">
        <v>24.7</v>
      </c>
      <c r="E708">
        <v>1152.1739130434801</v>
      </c>
    </row>
    <row r="709" spans="1:5" x14ac:dyDescent="0.25">
      <c r="A709">
        <v>42420</v>
      </c>
      <c r="B709">
        <f t="shared" si="11"/>
        <v>11.783333333333333</v>
      </c>
      <c r="C709">
        <v>175250</v>
      </c>
      <c r="D709">
        <v>24.7</v>
      </c>
      <c r="E709">
        <v>1163.04347826087</v>
      </c>
    </row>
    <row r="710" spans="1:5" x14ac:dyDescent="0.25">
      <c r="A710">
        <v>42480</v>
      </c>
      <c r="B710">
        <f t="shared" si="11"/>
        <v>11.8</v>
      </c>
      <c r="C710">
        <v>166500</v>
      </c>
      <c r="D710">
        <v>24.6</v>
      </c>
      <c r="E710">
        <v>1173.9130434782601</v>
      </c>
    </row>
    <row r="711" spans="1:5" x14ac:dyDescent="0.25">
      <c r="A711">
        <v>42540</v>
      </c>
      <c r="B711">
        <f t="shared" si="11"/>
        <v>11.816666666666666</v>
      </c>
      <c r="C711">
        <v>226300</v>
      </c>
      <c r="D711">
        <v>24.6</v>
      </c>
      <c r="E711">
        <v>1184.78260869565</v>
      </c>
    </row>
    <row r="712" spans="1:5" x14ac:dyDescent="0.25">
      <c r="A712">
        <v>42600</v>
      </c>
      <c r="B712">
        <f t="shared" si="11"/>
        <v>11.833333333333334</v>
      </c>
      <c r="C712">
        <v>251500</v>
      </c>
      <c r="D712">
        <v>24.5</v>
      </c>
      <c r="E712">
        <v>1195.6521739130401</v>
      </c>
    </row>
    <row r="713" spans="1:5" x14ac:dyDescent="0.25">
      <c r="A713">
        <v>42660</v>
      </c>
      <c r="B713">
        <f t="shared" si="11"/>
        <v>11.85</v>
      </c>
      <c r="C713">
        <v>299750</v>
      </c>
      <c r="D713">
        <v>24.6</v>
      </c>
      <c r="E713">
        <v>1206.52173913043</v>
      </c>
    </row>
    <row r="714" spans="1:5" x14ac:dyDescent="0.25">
      <c r="A714">
        <v>42720</v>
      </c>
      <c r="B714">
        <f t="shared" si="11"/>
        <v>11.866666666666667</v>
      </c>
      <c r="C714">
        <v>282000</v>
      </c>
      <c r="D714">
        <v>24.6</v>
      </c>
      <c r="E714">
        <v>1217.3913043478301</v>
      </c>
    </row>
    <row r="715" spans="1:5" x14ac:dyDescent="0.25">
      <c r="A715">
        <v>42780</v>
      </c>
      <c r="B715">
        <f t="shared" si="11"/>
        <v>11.883333333333333</v>
      </c>
      <c r="C715">
        <v>140950</v>
      </c>
      <c r="D715">
        <v>24.6</v>
      </c>
      <c r="E715">
        <v>1228.26086956522</v>
      </c>
    </row>
    <row r="716" spans="1:5" x14ac:dyDescent="0.25">
      <c r="A716">
        <v>42840</v>
      </c>
      <c r="B716">
        <f t="shared" si="11"/>
        <v>11.9</v>
      </c>
      <c r="C716">
        <v>149650</v>
      </c>
      <c r="D716">
        <v>24.5</v>
      </c>
      <c r="E716">
        <v>1239.1304347826101</v>
      </c>
    </row>
    <row r="717" spans="1:5" x14ac:dyDescent="0.25">
      <c r="A717">
        <v>42900</v>
      </c>
      <c r="B717">
        <f t="shared" si="11"/>
        <v>11.916666666666666</v>
      </c>
      <c r="C717">
        <v>125750</v>
      </c>
      <c r="D717">
        <v>24.5</v>
      </c>
      <c r="E717">
        <v>1250</v>
      </c>
    </row>
    <row r="718" spans="1:5" x14ac:dyDescent="0.25">
      <c r="A718">
        <v>42960</v>
      </c>
      <c r="B718">
        <f t="shared" si="11"/>
        <v>11.933333333333334</v>
      </c>
      <c r="C718">
        <v>120950</v>
      </c>
      <c r="D718">
        <v>24.3</v>
      </c>
      <c r="E718">
        <v>1260.8695652173899</v>
      </c>
    </row>
    <row r="719" spans="1:5" x14ac:dyDescent="0.25">
      <c r="A719">
        <v>43020</v>
      </c>
      <c r="B719">
        <f t="shared" si="11"/>
        <v>11.95</v>
      </c>
      <c r="C719">
        <v>117649</v>
      </c>
      <c r="D719">
        <v>24.3</v>
      </c>
      <c r="E719">
        <v>1271.73913043478</v>
      </c>
    </row>
    <row r="720" spans="1:5" x14ac:dyDescent="0.25">
      <c r="A720">
        <v>43080</v>
      </c>
      <c r="B720">
        <f t="shared" si="11"/>
        <v>11.966666666666667</v>
      </c>
      <c r="C720">
        <v>114500</v>
      </c>
      <c r="D720">
        <v>24.3</v>
      </c>
      <c r="E720">
        <v>1282.6086956521699</v>
      </c>
    </row>
    <row r="721" spans="1:5" x14ac:dyDescent="0.25">
      <c r="A721">
        <v>43140</v>
      </c>
      <c r="B721">
        <f t="shared" si="11"/>
        <v>11.983333333333333</v>
      </c>
      <c r="C721">
        <v>116300</v>
      </c>
      <c r="D721">
        <v>24.2</v>
      </c>
      <c r="E721">
        <v>1293.47826086957</v>
      </c>
    </row>
    <row r="722" spans="1:5" x14ac:dyDescent="0.25">
      <c r="A722">
        <v>43200</v>
      </c>
      <c r="B722">
        <f t="shared" si="11"/>
        <v>12</v>
      </c>
      <c r="C722">
        <v>121050</v>
      </c>
      <c r="D722">
        <v>24.1</v>
      </c>
      <c r="E722">
        <v>1304.3478260869599</v>
      </c>
    </row>
    <row r="723" spans="1:5" x14ac:dyDescent="0.25">
      <c r="A723">
        <v>43260</v>
      </c>
      <c r="B723">
        <f t="shared" si="11"/>
        <v>12.016666666666667</v>
      </c>
      <c r="C723">
        <v>128850</v>
      </c>
      <c r="D723">
        <v>24</v>
      </c>
      <c r="E723">
        <v>1297.10144927536</v>
      </c>
    </row>
    <row r="724" spans="1:5" x14ac:dyDescent="0.25">
      <c r="A724">
        <v>43320</v>
      </c>
      <c r="B724">
        <f t="shared" si="11"/>
        <v>12.033333333333333</v>
      </c>
      <c r="C724">
        <v>115800</v>
      </c>
      <c r="D724">
        <v>24</v>
      </c>
      <c r="E724">
        <v>1289.8550724637701</v>
      </c>
    </row>
    <row r="725" spans="1:5" x14ac:dyDescent="0.25">
      <c r="A725">
        <v>43380</v>
      </c>
      <c r="B725">
        <f t="shared" si="11"/>
        <v>12.05</v>
      </c>
      <c r="C725">
        <v>120500</v>
      </c>
      <c r="D725">
        <v>24</v>
      </c>
      <c r="E725">
        <v>1282.6086956521699</v>
      </c>
    </row>
    <row r="726" spans="1:5" x14ac:dyDescent="0.25">
      <c r="A726">
        <v>43440</v>
      </c>
      <c r="B726">
        <f t="shared" si="11"/>
        <v>12.066666666666666</v>
      </c>
      <c r="C726">
        <v>124200</v>
      </c>
      <c r="D726">
        <v>24</v>
      </c>
      <c r="E726">
        <v>1275.36231884058</v>
      </c>
    </row>
    <row r="727" spans="1:5" x14ac:dyDescent="0.25">
      <c r="A727">
        <v>43500</v>
      </c>
      <c r="B727">
        <f t="shared" si="11"/>
        <v>12.083333333333334</v>
      </c>
      <c r="C727">
        <v>126700</v>
      </c>
      <c r="D727">
        <v>24</v>
      </c>
      <c r="E727">
        <v>1268.11594202899</v>
      </c>
    </row>
    <row r="728" spans="1:5" x14ac:dyDescent="0.25">
      <c r="A728">
        <v>43560</v>
      </c>
      <c r="B728">
        <f t="shared" si="11"/>
        <v>12.1</v>
      </c>
      <c r="C728">
        <v>132800</v>
      </c>
      <c r="D728">
        <v>24.1</v>
      </c>
      <c r="E728">
        <v>1260.8695652173899</v>
      </c>
    </row>
    <row r="729" spans="1:5" x14ac:dyDescent="0.25">
      <c r="A729">
        <v>43620</v>
      </c>
      <c r="B729">
        <f t="shared" si="11"/>
        <v>12.116666666666667</v>
      </c>
      <c r="C729">
        <v>216000</v>
      </c>
      <c r="D729">
        <v>24.2</v>
      </c>
      <c r="E729">
        <v>1253.6231884058</v>
      </c>
    </row>
    <row r="730" spans="1:5" x14ac:dyDescent="0.25">
      <c r="A730">
        <v>43680</v>
      </c>
      <c r="B730">
        <f t="shared" si="11"/>
        <v>12.133333333333333</v>
      </c>
      <c r="C730">
        <v>256799</v>
      </c>
      <c r="D730">
        <v>24.3</v>
      </c>
      <c r="E730">
        <v>1246.3768115942</v>
      </c>
    </row>
    <row r="731" spans="1:5" x14ac:dyDescent="0.25">
      <c r="A731">
        <v>43740</v>
      </c>
      <c r="B731">
        <f t="shared" si="11"/>
        <v>12.15</v>
      </c>
      <c r="C731">
        <v>275700</v>
      </c>
      <c r="D731">
        <v>24.5</v>
      </c>
      <c r="E731">
        <v>1239.1304347826101</v>
      </c>
    </row>
    <row r="732" spans="1:5" x14ac:dyDescent="0.25">
      <c r="A732">
        <v>43800</v>
      </c>
      <c r="B732">
        <f t="shared" si="11"/>
        <v>12.166666666666666</v>
      </c>
      <c r="C732">
        <v>131450</v>
      </c>
      <c r="D732">
        <v>24.5</v>
      </c>
      <c r="E732">
        <v>1231.88405797101</v>
      </c>
    </row>
    <row r="733" spans="1:5" x14ac:dyDescent="0.25">
      <c r="A733">
        <v>43860</v>
      </c>
      <c r="B733">
        <f t="shared" si="11"/>
        <v>12.183333333333334</v>
      </c>
      <c r="C733">
        <v>131650</v>
      </c>
      <c r="D733">
        <v>24.6</v>
      </c>
      <c r="E733">
        <v>1224.63768115942</v>
      </c>
    </row>
    <row r="734" spans="1:5" x14ac:dyDescent="0.25">
      <c r="A734">
        <v>43920</v>
      </c>
      <c r="B734">
        <f t="shared" si="11"/>
        <v>12.2</v>
      </c>
      <c r="C734">
        <v>131700</v>
      </c>
      <c r="D734">
        <v>24.6</v>
      </c>
      <c r="E734">
        <v>1217.3913043478301</v>
      </c>
    </row>
    <row r="735" spans="1:5" x14ac:dyDescent="0.25">
      <c r="A735">
        <v>43980</v>
      </c>
      <c r="B735">
        <f t="shared" si="11"/>
        <v>12.216666666666667</v>
      </c>
      <c r="C735">
        <v>169400</v>
      </c>
      <c r="D735">
        <v>24.4</v>
      </c>
      <c r="E735">
        <v>1210.1449275362299</v>
      </c>
    </row>
    <row r="736" spans="1:5" x14ac:dyDescent="0.25">
      <c r="A736">
        <v>44040</v>
      </c>
      <c r="B736">
        <f t="shared" si="11"/>
        <v>12.233333333333333</v>
      </c>
      <c r="C736">
        <v>162700</v>
      </c>
      <c r="D736">
        <v>24.1</v>
      </c>
      <c r="E736">
        <v>1202.89855072464</v>
      </c>
    </row>
    <row r="737" spans="1:5" x14ac:dyDescent="0.25">
      <c r="A737">
        <v>44100</v>
      </c>
      <c r="B737">
        <f t="shared" si="11"/>
        <v>12.25</v>
      </c>
      <c r="C737">
        <v>148150</v>
      </c>
      <c r="D737">
        <v>23.9</v>
      </c>
      <c r="E737">
        <v>1195.6521739130401</v>
      </c>
    </row>
    <row r="738" spans="1:5" x14ac:dyDescent="0.25">
      <c r="A738">
        <v>44160</v>
      </c>
      <c r="B738">
        <f t="shared" si="11"/>
        <v>12.266666666666667</v>
      </c>
      <c r="C738">
        <v>140800</v>
      </c>
      <c r="D738">
        <v>23.8</v>
      </c>
      <c r="E738">
        <v>1188.4057971014499</v>
      </c>
    </row>
    <row r="739" spans="1:5" x14ac:dyDescent="0.25">
      <c r="A739">
        <v>44220</v>
      </c>
      <c r="B739">
        <f t="shared" si="11"/>
        <v>12.283333333333333</v>
      </c>
      <c r="C739">
        <v>156400</v>
      </c>
      <c r="D739">
        <v>23.9</v>
      </c>
      <c r="E739">
        <v>1181.15942028986</v>
      </c>
    </row>
    <row r="740" spans="1:5" x14ac:dyDescent="0.25">
      <c r="A740">
        <v>44280</v>
      </c>
      <c r="B740">
        <f t="shared" si="11"/>
        <v>12.3</v>
      </c>
      <c r="C740">
        <v>139400</v>
      </c>
      <c r="D740">
        <v>23.8</v>
      </c>
      <c r="E740">
        <v>1173.9130434782601</v>
      </c>
    </row>
    <row r="741" spans="1:5" x14ac:dyDescent="0.25">
      <c r="A741">
        <v>44340</v>
      </c>
      <c r="B741">
        <f t="shared" si="11"/>
        <v>12.316666666666666</v>
      </c>
      <c r="C741">
        <v>132850</v>
      </c>
      <c r="D741">
        <v>23.9</v>
      </c>
      <c r="E741">
        <v>1166.6666666666699</v>
      </c>
    </row>
    <row r="742" spans="1:5" x14ac:dyDescent="0.25">
      <c r="A742">
        <v>44400</v>
      </c>
      <c r="B742">
        <f t="shared" si="11"/>
        <v>12.333333333333334</v>
      </c>
      <c r="C742">
        <v>146599</v>
      </c>
      <c r="D742">
        <v>24</v>
      </c>
      <c r="E742">
        <v>1159.42028985507</v>
      </c>
    </row>
    <row r="743" spans="1:5" x14ac:dyDescent="0.25">
      <c r="A743">
        <v>44460</v>
      </c>
      <c r="B743">
        <f t="shared" si="11"/>
        <v>12.35</v>
      </c>
      <c r="C743">
        <v>170500</v>
      </c>
      <c r="D743">
        <v>23.9</v>
      </c>
      <c r="E743">
        <v>1152.1739130434801</v>
      </c>
    </row>
    <row r="744" spans="1:5" x14ac:dyDescent="0.25">
      <c r="A744">
        <v>44520</v>
      </c>
      <c r="B744">
        <f t="shared" si="11"/>
        <v>12.366666666666667</v>
      </c>
      <c r="C744">
        <v>144800</v>
      </c>
      <c r="D744">
        <v>23.9</v>
      </c>
      <c r="E744">
        <v>1144.9275362318799</v>
      </c>
    </row>
    <row r="745" spans="1:5" x14ac:dyDescent="0.25">
      <c r="A745">
        <v>44580</v>
      </c>
      <c r="B745">
        <f t="shared" si="11"/>
        <v>12.383333333333333</v>
      </c>
      <c r="C745">
        <v>124899</v>
      </c>
      <c r="D745">
        <v>24</v>
      </c>
      <c r="E745">
        <v>1137.68115942029</v>
      </c>
    </row>
    <row r="746" spans="1:5" x14ac:dyDescent="0.25">
      <c r="A746">
        <v>44640</v>
      </c>
      <c r="B746">
        <f t="shared" si="11"/>
        <v>12.4</v>
      </c>
      <c r="C746">
        <v>128300</v>
      </c>
      <c r="D746">
        <v>24</v>
      </c>
      <c r="E746">
        <v>1130.4347826087001</v>
      </c>
    </row>
    <row r="747" spans="1:5" x14ac:dyDescent="0.25">
      <c r="A747">
        <v>44700</v>
      </c>
      <c r="B747">
        <f t="shared" si="11"/>
        <v>12.416666666666666</v>
      </c>
      <c r="C747">
        <v>266850</v>
      </c>
      <c r="D747">
        <v>24</v>
      </c>
      <c r="E747">
        <v>1123.1884057970999</v>
      </c>
    </row>
    <row r="748" spans="1:5" x14ac:dyDescent="0.25">
      <c r="A748">
        <v>44760</v>
      </c>
      <c r="B748">
        <f t="shared" si="11"/>
        <v>12.433333333333334</v>
      </c>
      <c r="C748">
        <v>345450</v>
      </c>
      <c r="D748">
        <v>24</v>
      </c>
      <c r="E748">
        <v>1115.94202898551</v>
      </c>
    </row>
    <row r="749" spans="1:5" x14ac:dyDescent="0.25">
      <c r="A749">
        <v>44820</v>
      </c>
      <c r="B749">
        <f t="shared" si="11"/>
        <v>12.45</v>
      </c>
      <c r="C749">
        <v>336950</v>
      </c>
      <c r="D749">
        <v>24.1</v>
      </c>
      <c r="E749">
        <v>1108.69565217391</v>
      </c>
    </row>
    <row r="750" spans="1:5" x14ac:dyDescent="0.25">
      <c r="A750">
        <v>44880</v>
      </c>
      <c r="B750">
        <f t="shared" si="11"/>
        <v>12.466666666666667</v>
      </c>
      <c r="C750">
        <v>336699</v>
      </c>
      <c r="D750">
        <v>24</v>
      </c>
      <c r="E750">
        <v>1101.4492753623199</v>
      </c>
    </row>
    <row r="751" spans="1:5" x14ac:dyDescent="0.25">
      <c r="A751">
        <v>44940</v>
      </c>
      <c r="B751">
        <f t="shared" si="11"/>
        <v>12.483333333333333</v>
      </c>
      <c r="C751">
        <v>330550</v>
      </c>
      <c r="D751">
        <v>23.9</v>
      </c>
      <c r="E751">
        <v>1094.20289855072</v>
      </c>
    </row>
    <row r="752" spans="1:5" x14ac:dyDescent="0.25">
      <c r="A752">
        <v>45000</v>
      </c>
      <c r="B752">
        <f t="shared" si="11"/>
        <v>12.5</v>
      </c>
      <c r="C752">
        <v>319250</v>
      </c>
      <c r="D752">
        <v>23.9</v>
      </c>
      <c r="E752">
        <v>1086.95652173913</v>
      </c>
    </row>
    <row r="753" spans="1:5" x14ac:dyDescent="0.25">
      <c r="A753">
        <v>45060</v>
      </c>
      <c r="B753">
        <f t="shared" si="11"/>
        <v>12.516666666666667</v>
      </c>
      <c r="C753">
        <v>307700</v>
      </c>
      <c r="D753">
        <v>23.9</v>
      </c>
      <c r="E753">
        <v>1079.7101449275401</v>
      </c>
    </row>
    <row r="754" spans="1:5" x14ac:dyDescent="0.25">
      <c r="A754">
        <v>45120</v>
      </c>
      <c r="B754">
        <f t="shared" si="11"/>
        <v>12.533333333333333</v>
      </c>
      <c r="C754">
        <v>298750</v>
      </c>
      <c r="D754">
        <v>23.9</v>
      </c>
      <c r="E754">
        <v>1072.46376811594</v>
      </c>
    </row>
    <row r="755" spans="1:5" x14ac:dyDescent="0.25">
      <c r="A755">
        <v>45180</v>
      </c>
      <c r="B755">
        <f t="shared" si="11"/>
        <v>12.55</v>
      </c>
      <c r="C755">
        <v>292000</v>
      </c>
      <c r="D755">
        <v>24.1</v>
      </c>
      <c r="E755">
        <v>1065.21739130435</v>
      </c>
    </row>
    <row r="756" spans="1:5" x14ac:dyDescent="0.25">
      <c r="A756">
        <v>45240</v>
      </c>
      <c r="B756">
        <f t="shared" si="11"/>
        <v>12.566666666666666</v>
      </c>
      <c r="C756">
        <v>287800</v>
      </c>
      <c r="D756">
        <v>24.3</v>
      </c>
      <c r="E756">
        <v>1057.9710144927501</v>
      </c>
    </row>
    <row r="757" spans="1:5" x14ac:dyDescent="0.25">
      <c r="A757">
        <v>45300</v>
      </c>
      <c r="B757">
        <f t="shared" si="11"/>
        <v>12.583333333333334</v>
      </c>
      <c r="C757">
        <v>285450</v>
      </c>
      <c r="D757">
        <v>24.3</v>
      </c>
      <c r="E757">
        <v>1050.7246376811599</v>
      </c>
    </row>
    <row r="758" spans="1:5" x14ac:dyDescent="0.25">
      <c r="A758">
        <v>45360</v>
      </c>
      <c r="B758">
        <f t="shared" si="11"/>
        <v>12.6</v>
      </c>
      <c r="C758">
        <v>285150</v>
      </c>
      <c r="D758">
        <v>24.3</v>
      </c>
      <c r="E758">
        <v>1043.47826086957</v>
      </c>
    </row>
    <row r="759" spans="1:5" x14ac:dyDescent="0.25">
      <c r="A759">
        <v>45420</v>
      </c>
      <c r="B759">
        <f t="shared" si="11"/>
        <v>12.616666666666667</v>
      </c>
      <c r="C759">
        <v>220150</v>
      </c>
      <c r="D759">
        <v>24.3</v>
      </c>
      <c r="E759">
        <v>1036.2318840579701</v>
      </c>
    </row>
    <row r="760" spans="1:5" x14ac:dyDescent="0.25">
      <c r="A760">
        <v>45480</v>
      </c>
      <c r="B760">
        <f t="shared" si="11"/>
        <v>12.633333333333333</v>
      </c>
      <c r="C760">
        <v>271600</v>
      </c>
      <c r="D760">
        <v>24.4</v>
      </c>
      <c r="E760">
        <v>1028.9855072463799</v>
      </c>
    </row>
    <row r="761" spans="1:5" x14ac:dyDescent="0.25">
      <c r="A761">
        <v>45540</v>
      </c>
      <c r="B761">
        <f t="shared" si="11"/>
        <v>12.65</v>
      </c>
      <c r="C761">
        <v>182849</v>
      </c>
      <c r="D761">
        <v>24.3</v>
      </c>
      <c r="E761">
        <v>1021.73913043478</v>
      </c>
    </row>
    <row r="762" spans="1:5" x14ac:dyDescent="0.25">
      <c r="A762">
        <v>45600</v>
      </c>
      <c r="B762">
        <f t="shared" si="11"/>
        <v>12.666666666666666</v>
      </c>
      <c r="C762">
        <v>119700</v>
      </c>
      <c r="D762">
        <v>24.4</v>
      </c>
      <c r="E762">
        <v>1014.49275362319</v>
      </c>
    </row>
    <row r="763" spans="1:5" x14ac:dyDescent="0.25">
      <c r="A763">
        <v>45660</v>
      </c>
      <c r="B763">
        <f t="shared" si="11"/>
        <v>12.683333333333334</v>
      </c>
      <c r="C763">
        <v>123000</v>
      </c>
      <c r="D763">
        <v>24.5</v>
      </c>
      <c r="E763">
        <v>1007.24637681159</v>
      </c>
    </row>
    <row r="764" spans="1:5" x14ac:dyDescent="0.25">
      <c r="A764">
        <v>45720</v>
      </c>
      <c r="B764">
        <f t="shared" si="11"/>
        <v>12.7</v>
      </c>
      <c r="C764">
        <v>159300</v>
      </c>
      <c r="D764">
        <v>24.4</v>
      </c>
      <c r="E764">
        <v>1000</v>
      </c>
    </row>
    <row r="765" spans="1:5" x14ac:dyDescent="0.25">
      <c r="A765">
        <v>45780</v>
      </c>
      <c r="B765">
        <f t="shared" si="11"/>
        <v>12.716666666666667</v>
      </c>
      <c r="C765">
        <v>282700</v>
      </c>
      <c r="D765">
        <v>24.2</v>
      </c>
      <c r="E765">
        <v>992.75362318840598</v>
      </c>
    </row>
    <row r="766" spans="1:5" x14ac:dyDescent="0.25">
      <c r="A766">
        <v>45840</v>
      </c>
      <c r="B766">
        <f t="shared" si="11"/>
        <v>12.733333333333333</v>
      </c>
      <c r="C766">
        <v>275950</v>
      </c>
      <c r="D766">
        <v>24.2</v>
      </c>
      <c r="E766">
        <v>985.50724637681196</v>
      </c>
    </row>
    <row r="767" spans="1:5" x14ac:dyDescent="0.25">
      <c r="A767">
        <v>45900</v>
      </c>
      <c r="B767">
        <f t="shared" si="11"/>
        <v>12.75</v>
      </c>
      <c r="C767">
        <v>297350</v>
      </c>
      <c r="D767">
        <v>24</v>
      </c>
      <c r="E767">
        <v>978.26086956521704</v>
      </c>
    </row>
    <row r="768" spans="1:5" x14ac:dyDescent="0.25">
      <c r="A768">
        <v>45960</v>
      </c>
      <c r="B768">
        <f t="shared" si="11"/>
        <v>12.766666666666667</v>
      </c>
      <c r="C768">
        <v>288800</v>
      </c>
      <c r="D768">
        <v>24.1</v>
      </c>
      <c r="E768">
        <v>971.01449275362302</v>
      </c>
    </row>
    <row r="769" spans="1:5" x14ac:dyDescent="0.25">
      <c r="A769">
        <v>46020</v>
      </c>
      <c r="B769">
        <f t="shared" si="11"/>
        <v>12.783333333333333</v>
      </c>
      <c r="C769">
        <v>290350</v>
      </c>
      <c r="D769">
        <v>24.4</v>
      </c>
      <c r="E769">
        <v>963.768115942029</v>
      </c>
    </row>
    <row r="770" spans="1:5" x14ac:dyDescent="0.25">
      <c r="A770">
        <v>46080</v>
      </c>
      <c r="B770">
        <f t="shared" si="11"/>
        <v>12.8</v>
      </c>
      <c r="C770">
        <v>285900</v>
      </c>
      <c r="D770">
        <v>24.6</v>
      </c>
      <c r="E770">
        <v>956.52173913043498</v>
      </c>
    </row>
    <row r="771" spans="1:5" x14ac:dyDescent="0.25">
      <c r="A771">
        <v>46140</v>
      </c>
      <c r="B771">
        <f t="shared" ref="B771:B834" si="12">A771/3600</f>
        <v>12.816666666666666</v>
      </c>
      <c r="C771">
        <v>280400</v>
      </c>
      <c r="D771">
        <v>24.7</v>
      </c>
      <c r="E771">
        <v>949.27536231884096</v>
      </c>
    </row>
    <row r="772" spans="1:5" x14ac:dyDescent="0.25">
      <c r="A772">
        <v>46200</v>
      </c>
      <c r="B772">
        <f t="shared" si="12"/>
        <v>12.833333333333334</v>
      </c>
      <c r="C772">
        <v>272750</v>
      </c>
      <c r="D772">
        <v>24.7</v>
      </c>
      <c r="E772">
        <v>942.02898550724694</v>
      </c>
    </row>
    <row r="773" spans="1:5" x14ac:dyDescent="0.25">
      <c r="A773">
        <v>46260</v>
      </c>
      <c r="B773">
        <f t="shared" si="12"/>
        <v>12.85</v>
      </c>
      <c r="C773">
        <v>265350</v>
      </c>
      <c r="D773">
        <v>24.8</v>
      </c>
      <c r="E773">
        <v>934.78260869565202</v>
      </c>
    </row>
    <row r="774" spans="1:5" x14ac:dyDescent="0.25">
      <c r="A774">
        <v>46320</v>
      </c>
      <c r="B774">
        <f t="shared" si="12"/>
        <v>12.866666666666667</v>
      </c>
      <c r="C774">
        <v>263000</v>
      </c>
      <c r="D774">
        <v>24.8</v>
      </c>
      <c r="E774">
        <v>927.536231884058</v>
      </c>
    </row>
    <row r="775" spans="1:5" x14ac:dyDescent="0.25">
      <c r="A775">
        <v>46380</v>
      </c>
      <c r="B775">
        <f t="shared" si="12"/>
        <v>12.883333333333333</v>
      </c>
      <c r="C775">
        <v>260350</v>
      </c>
      <c r="D775">
        <v>25</v>
      </c>
      <c r="E775">
        <v>920.28985507246398</v>
      </c>
    </row>
    <row r="776" spans="1:5" x14ac:dyDescent="0.25">
      <c r="A776">
        <v>46440</v>
      </c>
      <c r="B776">
        <f t="shared" si="12"/>
        <v>12.9</v>
      </c>
      <c r="C776">
        <v>261400</v>
      </c>
      <c r="D776">
        <v>25</v>
      </c>
      <c r="E776">
        <v>913.04347826086996</v>
      </c>
    </row>
    <row r="777" spans="1:5" x14ac:dyDescent="0.25">
      <c r="A777">
        <v>46500</v>
      </c>
      <c r="B777">
        <f t="shared" si="12"/>
        <v>12.916666666666666</v>
      </c>
      <c r="C777">
        <v>262600</v>
      </c>
      <c r="D777">
        <v>25</v>
      </c>
      <c r="E777">
        <v>905.79710144927503</v>
      </c>
    </row>
    <row r="778" spans="1:5" x14ac:dyDescent="0.25">
      <c r="A778">
        <v>46560</v>
      </c>
      <c r="B778">
        <f t="shared" si="12"/>
        <v>12.933333333333334</v>
      </c>
      <c r="C778">
        <v>264450</v>
      </c>
      <c r="D778">
        <v>24.9</v>
      </c>
      <c r="E778">
        <v>898.55072463768101</v>
      </c>
    </row>
    <row r="779" spans="1:5" x14ac:dyDescent="0.25">
      <c r="A779">
        <v>46620</v>
      </c>
      <c r="B779">
        <f t="shared" si="12"/>
        <v>12.95</v>
      </c>
      <c r="C779">
        <v>264700</v>
      </c>
      <c r="D779">
        <v>24.8</v>
      </c>
      <c r="E779">
        <v>891.304347826087</v>
      </c>
    </row>
    <row r="780" spans="1:5" x14ac:dyDescent="0.25">
      <c r="A780">
        <v>46680</v>
      </c>
      <c r="B780">
        <f t="shared" si="12"/>
        <v>12.966666666666667</v>
      </c>
      <c r="C780">
        <v>262049</v>
      </c>
      <c r="D780">
        <v>24.8</v>
      </c>
      <c r="E780">
        <v>884.05797101449298</v>
      </c>
    </row>
    <row r="781" spans="1:5" x14ac:dyDescent="0.25">
      <c r="A781">
        <v>46740</v>
      </c>
      <c r="B781">
        <f t="shared" si="12"/>
        <v>12.983333333333333</v>
      </c>
      <c r="C781">
        <v>259850</v>
      </c>
      <c r="D781">
        <v>24.8</v>
      </c>
      <c r="E781">
        <v>876.81159420289896</v>
      </c>
    </row>
    <row r="782" spans="1:5" x14ac:dyDescent="0.25">
      <c r="A782">
        <v>46800</v>
      </c>
      <c r="B782">
        <f t="shared" si="12"/>
        <v>13</v>
      </c>
      <c r="C782">
        <v>257750</v>
      </c>
      <c r="D782">
        <v>24.7</v>
      </c>
      <c r="E782">
        <v>869.56521739130403</v>
      </c>
    </row>
    <row r="783" spans="1:5" x14ac:dyDescent="0.25">
      <c r="A783">
        <v>46860</v>
      </c>
      <c r="B783">
        <f t="shared" si="12"/>
        <v>13.016666666666667</v>
      </c>
      <c r="C783">
        <v>257050</v>
      </c>
      <c r="D783">
        <v>24.7</v>
      </c>
      <c r="E783">
        <v>864.13043478260897</v>
      </c>
    </row>
    <row r="784" spans="1:5" x14ac:dyDescent="0.25">
      <c r="A784">
        <v>46920</v>
      </c>
      <c r="B784">
        <f t="shared" si="12"/>
        <v>13.033333333333333</v>
      </c>
      <c r="C784">
        <v>258100</v>
      </c>
      <c r="D784">
        <v>24.7</v>
      </c>
      <c r="E784">
        <v>858.695652173913</v>
      </c>
    </row>
    <row r="785" spans="1:5" x14ac:dyDescent="0.25">
      <c r="A785">
        <v>46980</v>
      </c>
      <c r="B785">
        <f t="shared" si="12"/>
        <v>13.05</v>
      </c>
      <c r="C785">
        <v>260150</v>
      </c>
      <c r="D785">
        <v>24.6</v>
      </c>
      <c r="E785">
        <v>853.26086956521704</v>
      </c>
    </row>
    <row r="786" spans="1:5" x14ac:dyDescent="0.25">
      <c r="A786">
        <v>47040</v>
      </c>
      <c r="B786">
        <f t="shared" si="12"/>
        <v>13.066666666666666</v>
      </c>
      <c r="C786">
        <v>262300</v>
      </c>
      <c r="D786">
        <v>24.6</v>
      </c>
      <c r="E786">
        <v>847.82608695652198</v>
      </c>
    </row>
    <row r="787" spans="1:5" x14ac:dyDescent="0.25">
      <c r="A787">
        <v>47100</v>
      </c>
      <c r="B787">
        <f t="shared" si="12"/>
        <v>13.083333333333334</v>
      </c>
      <c r="C787">
        <v>264250</v>
      </c>
      <c r="D787">
        <v>24.7</v>
      </c>
      <c r="E787">
        <v>842.39130434782601</v>
      </c>
    </row>
    <row r="788" spans="1:5" x14ac:dyDescent="0.25">
      <c r="A788">
        <v>47160</v>
      </c>
      <c r="B788">
        <f t="shared" si="12"/>
        <v>13.1</v>
      </c>
      <c r="C788">
        <v>266000</v>
      </c>
      <c r="D788">
        <v>24.5</v>
      </c>
      <c r="E788">
        <v>836.95652173913095</v>
      </c>
    </row>
    <row r="789" spans="1:5" x14ac:dyDescent="0.25">
      <c r="A789">
        <v>47220</v>
      </c>
      <c r="B789">
        <f t="shared" si="12"/>
        <v>13.116666666666667</v>
      </c>
      <c r="C789">
        <v>266050</v>
      </c>
      <c r="D789">
        <v>24.6</v>
      </c>
      <c r="E789">
        <v>831.52173913043498</v>
      </c>
    </row>
    <row r="790" spans="1:5" x14ac:dyDescent="0.25">
      <c r="A790">
        <v>47280</v>
      </c>
      <c r="B790">
        <f t="shared" si="12"/>
        <v>13.133333333333333</v>
      </c>
      <c r="C790">
        <v>264750</v>
      </c>
      <c r="D790">
        <v>24.5</v>
      </c>
      <c r="E790">
        <v>826.08695652173901</v>
      </c>
    </row>
    <row r="791" spans="1:5" x14ac:dyDescent="0.25">
      <c r="A791">
        <v>47340</v>
      </c>
      <c r="B791">
        <f t="shared" si="12"/>
        <v>13.15</v>
      </c>
      <c r="C791">
        <v>262949</v>
      </c>
      <c r="D791">
        <v>24.4</v>
      </c>
      <c r="E791">
        <v>820.65217391304395</v>
      </c>
    </row>
    <row r="792" spans="1:5" x14ac:dyDescent="0.25">
      <c r="A792">
        <v>47400</v>
      </c>
      <c r="B792">
        <f t="shared" si="12"/>
        <v>13.166666666666666</v>
      </c>
      <c r="C792">
        <v>261800</v>
      </c>
      <c r="D792">
        <v>24.5</v>
      </c>
      <c r="E792">
        <v>815.21739130434798</v>
      </c>
    </row>
    <row r="793" spans="1:5" x14ac:dyDescent="0.25">
      <c r="A793">
        <v>47460</v>
      </c>
      <c r="B793">
        <f t="shared" si="12"/>
        <v>13.183333333333334</v>
      </c>
      <c r="C793">
        <v>260199</v>
      </c>
      <c r="D793">
        <v>24.7</v>
      </c>
      <c r="E793">
        <v>809.78260869565202</v>
      </c>
    </row>
    <row r="794" spans="1:5" x14ac:dyDescent="0.25">
      <c r="A794">
        <v>47520</v>
      </c>
      <c r="B794">
        <f t="shared" si="12"/>
        <v>13.2</v>
      </c>
      <c r="C794">
        <v>261950</v>
      </c>
      <c r="D794">
        <v>24.7</v>
      </c>
      <c r="E794">
        <v>804.34782608695696</v>
      </c>
    </row>
    <row r="795" spans="1:5" x14ac:dyDescent="0.25">
      <c r="A795">
        <v>47580</v>
      </c>
      <c r="B795">
        <f t="shared" si="12"/>
        <v>13.216666666666667</v>
      </c>
      <c r="C795">
        <v>262650</v>
      </c>
      <c r="D795">
        <v>24.9</v>
      </c>
      <c r="E795">
        <v>798.91304347826099</v>
      </c>
    </row>
    <row r="796" spans="1:5" x14ac:dyDescent="0.25">
      <c r="A796">
        <v>47640</v>
      </c>
      <c r="B796">
        <f t="shared" si="12"/>
        <v>13.233333333333333</v>
      </c>
      <c r="C796">
        <v>261750</v>
      </c>
      <c r="D796">
        <v>24.9</v>
      </c>
      <c r="E796">
        <v>793.47826086956502</v>
      </c>
    </row>
    <row r="797" spans="1:5" x14ac:dyDescent="0.25">
      <c r="A797">
        <v>47700</v>
      </c>
      <c r="B797">
        <f t="shared" si="12"/>
        <v>13.25</v>
      </c>
      <c r="C797">
        <v>259250</v>
      </c>
      <c r="D797">
        <v>24.9</v>
      </c>
      <c r="E797">
        <v>788.04347826086996</v>
      </c>
    </row>
    <row r="798" spans="1:5" x14ac:dyDescent="0.25">
      <c r="A798">
        <v>47760</v>
      </c>
      <c r="B798">
        <f t="shared" si="12"/>
        <v>13.266666666666667</v>
      </c>
      <c r="C798">
        <v>258450</v>
      </c>
      <c r="D798">
        <v>24.8</v>
      </c>
      <c r="E798">
        <v>782.60869565217399</v>
      </c>
    </row>
    <row r="799" spans="1:5" x14ac:dyDescent="0.25">
      <c r="A799">
        <v>47820</v>
      </c>
      <c r="B799">
        <f t="shared" si="12"/>
        <v>13.283333333333333</v>
      </c>
      <c r="C799">
        <v>257349</v>
      </c>
      <c r="D799">
        <v>24.8</v>
      </c>
      <c r="E799">
        <v>777.17391304347802</v>
      </c>
    </row>
    <row r="800" spans="1:5" x14ac:dyDescent="0.25">
      <c r="A800">
        <v>47880</v>
      </c>
      <c r="B800">
        <f t="shared" si="12"/>
        <v>13.3</v>
      </c>
      <c r="C800">
        <v>256500</v>
      </c>
      <c r="D800">
        <v>24.7</v>
      </c>
      <c r="E800">
        <v>771.73913043478296</v>
      </c>
    </row>
    <row r="801" spans="1:5" x14ac:dyDescent="0.25">
      <c r="A801">
        <v>47940</v>
      </c>
      <c r="B801">
        <f t="shared" si="12"/>
        <v>13.316666666666666</v>
      </c>
      <c r="C801">
        <v>255100</v>
      </c>
      <c r="D801">
        <v>24.7</v>
      </c>
      <c r="E801">
        <v>766.304347826087</v>
      </c>
    </row>
    <row r="802" spans="1:5" x14ac:dyDescent="0.25">
      <c r="A802">
        <v>48000</v>
      </c>
      <c r="B802">
        <f t="shared" si="12"/>
        <v>13.333333333333334</v>
      </c>
      <c r="C802">
        <v>249900</v>
      </c>
      <c r="D802">
        <v>24.6</v>
      </c>
      <c r="E802">
        <v>760.86956521739103</v>
      </c>
    </row>
    <row r="803" spans="1:5" x14ac:dyDescent="0.25">
      <c r="A803">
        <v>48060</v>
      </c>
      <c r="B803">
        <f t="shared" si="12"/>
        <v>13.35</v>
      </c>
      <c r="C803">
        <v>250000</v>
      </c>
      <c r="D803">
        <v>24.6</v>
      </c>
      <c r="E803">
        <v>755.43478260869597</v>
      </c>
    </row>
    <row r="804" spans="1:5" x14ac:dyDescent="0.25">
      <c r="A804">
        <v>48120</v>
      </c>
      <c r="B804">
        <f t="shared" si="12"/>
        <v>13.366666666666667</v>
      </c>
      <c r="C804">
        <v>252900</v>
      </c>
      <c r="D804">
        <v>24.5</v>
      </c>
      <c r="E804">
        <v>750</v>
      </c>
    </row>
    <row r="805" spans="1:5" x14ac:dyDescent="0.25">
      <c r="A805">
        <v>48180</v>
      </c>
      <c r="B805">
        <f t="shared" si="12"/>
        <v>13.383333333333333</v>
      </c>
      <c r="C805">
        <v>253000</v>
      </c>
      <c r="D805">
        <v>24.5</v>
      </c>
      <c r="E805">
        <v>744.56521739130403</v>
      </c>
    </row>
    <row r="806" spans="1:5" x14ac:dyDescent="0.25">
      <c r="A806">
        <v>48240</v>
      </c>
      <c r="B806">
        <f t="shared" si="12"/>
        <v>13.4</v>
      </c>
      <c r="C806">
        <v>252400</v>
      </c>
      <c r="D806">
        <v>24.5</v>
      </c>
      <c r="E806">
        <v>739.13043478260897</v>
      </c>
    </row>
    <row r="807" spans="1:5" x14ac:dyDescent="0.25">
      <c r="A807">
        <v>48300</v>
      </c>
      <c r="B807">
        <f t="shared" si="12"/>
        <v>13.416666666666666</v>
      </c>
      <c r="C807">
        <v>252150</v>
      </c>
      <c r="D807">
        <v>24.6</v>
      </c>
      <c r="E807">
        <v>733.695652173913</v>
      </c>
    </row>
    <row r="808" spans="1:5" x14ac:dyDescent="0.25">
      <c r="A808">
        <v>48360</v>
      </c>
      <c r="B808">
        <f t="shared" si="12"/>
        <v>13.433333333333334</v>
      </c>
      <c r="C808">
        <v>251700</v>
      </c>
      <c r="D808">
        <v>24.6</v>
      </c>
      <c r="E808">
        <v>728.26086956521794</v>
      </c>
    </row>
    <row r="809" spans="1:5" x14ac:dyDescent="0.25">
      <c r="A809">
        <v>48420</v>
      </c>
      <c r="B809">
        <f t="shared" si="12"/>
        <v>13.45</v>
      </c>
      <c r="C809">
        <v>251250</v>
      </c>
      <c r="D809">
        <v>24.5</v>
      </c>
      <c r="E809">
        <v>722.82608695652198</v>
      </c>
    </row>
    <row r="810" spans="1:5" x14ac:dyDescent="0.25">
      <c r="A810">
        <v>48480</v>
      </c>
      <c r="B810">
        <f t="shared" si="12"/>
        <v>13.466666666666667</v>
      </c>
      <c r="C810">
        <v>250650</v>
      </c>
      <c r="D810">
        <v>24.5</v>
      </c>
      <c r="E810">
        <v>717.39130434782601</v>
      </c>
    </row>
    <row r="811" spans="1:5" x14ac:dyDescent="0.25">
      <c r="A811">
        <v>48540</v>
      </c>
      <c r="B811">
        <f t="shared" si="12"/>
        <v>13.483333333333333</v>
      </c>
      <c r="C811">
        <v>250750</v>
      </c>
      <c r="D811">
        <v>24.6</v>
      </c>
      <c r="E811">
        <v>711.95652173913095</v>
      </c>
    </row>
    <row r="812" spans="1:5" x14ac:dyDescent="0.25">
      <c r="A812">
        <v>48600</v>
      </c>
      <c r="B812">
        <f t="shared" si="12"/>
        <v>13.5</v>
      </c>
      <c r="C812">
        <v>251800</v>
      </c>
      <c r="D812">
        <v>24.7</v>
      </c>
      <c r="E812">
        <v>706.52173913043498</v>
      </c>
    </row>
    <row r="813" spans="1:5" x14ac:dyDescent="0.25">
      <c r="A813">
        <v>48660</v>
      </c>
      <c r="B813">
        <f t="shared" si="12"/>
        <v>13.516666666666667</v>
      </c>
      <c r="C813">
        <v>252100</v>
      </c>
      <c r="D813">
        <v>24.7</v>
      </c>
      <c r="E813">
        <v>701.08695652173901</v>
      </c>
    </row>
    <row r="814" spans="1:5" x14ac:dyDescent="0.25">
      <c r="A814">
        <v>48720</v>
      </c>
      <c r="B814">
        <f t="shared" si="12"/>
        <v>13.533333333333333</v>
      </c>
      <c r="C814">
        <v>252900</v>
      </c>
      <c r="D814">
        <v>24.7</v>
      </c>
      <c r="E814">
        <v>695.65217391304395</v>
      </c>
    </row>
    <row r="815" spans="1:5" x14ac:dyDescent="0.25">
      <c r="A815">
        <v>48780</v>
      </c>
      <c r="B815">
        <f t="shared" si="12"/>
        <v>13.55</v>
      </c>
      <c r="C815">
        <v>253850</v>
      </c>
      <c r="D815">
        <v>24.7</v>
      </c>
      <c r="E815">
        <v>690.21739130434798</v>
      </c>
    </row>
    <row r="816" spans="1:5" x14ac:dyDescent="0.25">
      <c r="A816">
        <v>48840</v>
      </c>
      <c r="B816">
        <f t="shared" si="12"/>
        <v>13.566666666666666</v>
      </c>
      <c r="C816">
        <v>254099</v>
      </c>
      <c r="D816">
        <v>24.8</v>
      </c>
      <c r="E816">
        <v>684.78260869565202</v>
      </c>
    </row>
    <row r="817" spans="1:5" x14ac:dyDescent="0.25">
      <c r="A817">
        <v>48900</v>
      </c>
      <c r="B817">
        <f t="shared" si="12"/>
        <v>13.583333333333334</v>
      </c>
      <c r="C817">
        <v>252549</v>
      </c>
      <c r="D817">
        <v>24.8</v>
      </c>
      <c r="E817">
        <v>679.34782608695696</v>
      </c>
    </row>
    <row r="818" spans="1:5" x14ac:dyDescent="0.25">
      <c r="A818">
        <v>48960</v>
      </c>
      <c r="B818">
        <f t="shared" si="12"/>
        <v>13.6</v>
      </c>
      <c r="C818">
        <v>251650</v>
      </c>
      <c r="D818">
        <v>24.8</v>
      </c>
      <c r="E818">
        <v>673.91304347826099</v>
      </c>
    </row>
    <row r="819" spans="1:5" x14ac:dyDescent="0.25">
      <c r="A819">
        <v>49020</v>
      </c>
      <c r="B819">
        <f t="shared" si="12"/>
        <v>13.616666666666667</v>
      </c>
      <c r="C819">
        <v>249150</v>
      </c>
      <c r="D819">
        <v>24.7</v>
      </c>
      <c r="E819">
        <v>668.47826086956502</v>
      </c>
    </row>
    <row r="820" spans="1:5" x14ac:dyDescent="0.25">
      <c r="A820">
        <v>49080</v>
      </c>
      <c r="B820">
        <f t="shared" si="12"/>
        <v>13.633333333333333</v>
      </c>
      <c r="C820">
        <v>250150</v>
      </c>
      <c r="D820">
        <v>24.7</v>
      </c>
      <c r="E820">
        <v>663.04347826086996</v>
      </c>
    </row>
    <row r="821" spans="1:5" x14ac:dyDescent="0.25">
      <c r="A821">
        <v>49140</v>
      </c>
      <c r="B821">
        <f t="shared" si="12"/>
        <v>13.65</v>
      </c>
      <c r="C821">
        <v>252549</v>
      </c>
      <c r="D821">
        <v>24.7</v>
      </c>
      <c r="E821">
        <v>657.60869565217399</v>
      </c>
    </row>
    <row r="822" spans="1:5" x14ac:dyDescent="0.25">
      <c r="A822">
        <v>49200</v>
      </c>
      <c r="B822">
        <f t="shared" si="12"/>
        <v>13.666666666666666</v>
      </c>
      <c r="C822">
        <v>207250</v>
      </c>
      <c r="D822">
        <v>24.7</v>
      </c>
      <c r="E822">
        <v>652.17391304347802</v>
      </c>
    </row>
    <row r="823" spans="1:5" x14ac:dyDescent="0.25">
      <c r="A823">
        <v>49260</v>
      </c>
      <c r="B823">
        <f t="shared" si="12"/>
        <v>13.683333333333334</v>
      </c>
      <c r="C823">
        <v>47150</v>
      </c>
      <c r="D823">
        <v>24.6</v>
      </c>
      <c r="E823">
        <v>646.73913043478296</v>
      </c>
    </row>
    <row r="824" spans="1:5" x14ac:dyDescent="0.25">
      <c r="A824">
        <v>49320</v>
      </c>
      <c r="B824">
        <f t="shared" si="12"/>
        <v>13.7</v>
      </c>
      <c r="C824">
        <v>116950</v>
      </c>
      <c r="D824">
        <v>24.5</v>
      </c>
      <c r="E824">
        <v>641.304347826087</v>
      </c>
    </row>
    <row r="825" spans="1:5" x14ac:dyDescent="0.25">
      <c r="A825">
        <v>49380</v>
      </c>
      <c r="B825">
        <f t="shared" si="12"/>
        <v>13.716666666666667</v>
      </c>
      <c r="C825">
        <v>159500</v>
      </c>
      <c r="D825">
        <v>24.5</v>
      </c>
      <c r="E825">
        <v>635.86956521739103</v>
      </c>
    </row>
    <row r="826" spans="1:5" x14ac:dyDescent="0.25">
      <c r="A826">
        <v>49440</v>
      </c>
      <c r="B826">
        <f t="shared" si="12"/>
        <v>13.733333333333333</v>
      </c>
      <c r="C826">
        <v>108750</v>
      </c>
      <c r="D826">
        <v>24.5</v>
      </c>
      <c r="E826">
        <v>630.43478260869597</v>
      </c>
    </row>
    <row r="827" spans="1:5" x14ac:dyDescent="0.25">
      <c r="A827">
        <v>49500</v>
      </c>
      <c r="B827">
        <f t="shared" si="12"/>
        <v>13.75</v>
      </c>
      <c r="C827">
        <v>156099</v>
      </c>
      <c r="D827">
        <v>24.4</v>
      </c>
      <c r="E827">
        <v>625</v>
      </c>
    </row>
    <row r="828" spans="1:5" x14ac:dyDescent="0.25">
      <c r="A828">
        <v>49560</v>
      </c>
      <c r="B828">
        <f t="shared" si="12"/>
        <v>13.766666666666667</v>
      </c>
      <c r="C828">
        <v>181549</v>
      </c>
      <c r="D828">
        <v>24.5</v>
      </c>
      <c r="E828">
        <v>619.56521739130403</v>
      </c>
    </row>
    <row r="829" spans="1:5" x14ac:dyDescent="0.25">
      <c r="A829">
        <v>49620</v>
      </c>
      <c r="B829">
        <f t="shared" si="12"/>
        <v>13.783333333333333</v>
      </c>
      <c r="C829">
        <v>267750</v>
      </c>
      <c r="D829">
        <v>24.6</v>
      </c>
      <c r="E829">
        <v>614.13043478260897</v>
      </c>
    </row>
    <row r="830" spans="1:5" x14ac:dyDescent="0.25">
      <c r="A830">
        <v>49680</v>
      </c>
      <c r="B830">
        <f t="shared" si="12"/>
        <v>13.8</v>
      </c>
      <c r="C830">
        <v>264550</v>
      </c>
      <c r="D830">
        <v>24.7</v>
      </c>
      <c r="E830">
        <v>608.695652173913</v>
      </c>
    </row>
    <row r="831" spans="1:5" x14ac:dyDescent="0.25">
      <c r="A831">
        <v>49740</v>
      </c>
      <c r="B831">
        <f t="shared" si="12"/>
        <v>13.816666666666666</v>
      </c>
      <c r="C831">
        <v>258650</v>
      </c>
      <c r="D831">
        <v>24.8</v>
      </c>
      <c r="E831">
        <v>603.26086956521704</v>
      </c>
    </row>
    <row r="832" spans="1:5" x14ac:dyDescent="0.25">
      <c r="A832">
        <v>49800</v>
      </c>
      <c r="B832">
        <f t="shared" si="12"/>
        <v>13.833333333333334</v>
      </c>
      <c r="C832">
        <v>257550</v>
      </c>
      <c r="D832">
        <v>24.8</v>
      </c>
      <c r="E832">
        <v>597.82608695652198</v>
      </c>
    </row>
    <row r="833" spans="1:5" x14ac:dyDescent="0.25">
      <c r="A833">
        <v>49860</v>
      </c>
      <c r="B833">
        <f t="shared" si="12"/>
        <v>13.85</v>
      </c>
      <c r="C833">
        <v>243549</v>
      </c>
      <c r="D833">
        <v>24.7</v>
      </c>
      <c r="E833">
        <v>592.39130434782601</v>
      </c>
    </row>
    <row r="834" spans="1:5" x14ac:dyDescent="0.25">
      <c r="A834">
        <v>49920</v>
      </c>
      <c r="B834">
        <f t="shared" si="12"/>
        <v>13.866666666666667</v>
      </c>
      <c r="C834">
        <v>180650</v>
      </c>
      <c r="D834">
        <v>24.7</v>
      </c>
      <c r="E834">
        <v>586.95652173913095</v>
      </c>
    </row>
    <row r="835" spans="1:5" x14ac:dyDescent="0.25">
      <c r="A835">
        <v>49980</v>
      </c>
      <c r="B835">
        <f t="shared" ref="B835:B898" si="13">A835/3600</f>
        <v>13.883333333333333</v>
      </c>
      <c r="C835">
        <v>160200</v>
      </c>
      <c r="D835">
        <v>24.6</v>
      </c>
      <c r="E835">
        <v>581.52173913043498</v>
      </c>
    </row>
    <row r="836" spans="1:5" x14ac:dyDescent="0.25">
      <c r="A836">
        <v>50040</v>
      </c>
      <c r="B836">
        <f t="shared" si="13"/>
        <v>13.9</v>
      </c>
      <c r="C836">
        <v>248500</v>
      </c>
      <c r="D836">
        <v>24.6</v>
      </c>
      <c r="E836">
        <v>576.08695652173901</v>
      </c>
    </row>
    <row r="837" spans="1:5" x14ac:dyDescent="0.25">
      <c r="A837">
        <v>50100</v>
      </c>
      <c r="B837">
        <f t="shared" si="13"/>
        <v>13.916666666666666</v>
      </c>
      <c r="C837">
        <v>244850</v>
      </c>
      <c r="D837">
        <v>24.5</v>
      </c>
      <c r="E837">
        <v>570.65217391304395</v>
      </c>
    </row>
    <row r="838" spans="1:5" x14ac:dyDescent="0.25">
      <c r="A838">
        <v>50160</v>
      </c>
      <c r="B838">
        <f t="shared" si="13"/>
        <v>13.933333333333334</v>
      </c>
      <c r="C838">
        <v>242900</v>
      </c>
      <c r="D838">
        <v>24.6</v>
      </c>
      <c r="E838">
        <v>565.21739130434798</v>
      </c>
    </row>
    <row r="839" spans="1:5" x14ac:dyDescent="0.25">
      <c r="A839">
        <v>50220</v>
      </c>
      <c r="B839">
        <f t="shared" si="13"/>
        <v>13.95</v>
      </c>
      <c r="C839">
        <v>240050</v>
      </c>
      <c r="D839">
        <v>24.6</v>
      </c>
      <c r="E839">
        <v>559.78260869565202</v>
      </c>
    </row>
    <row r="840" spans="1:5" x14ac:dyDescent="0.25">
      <c r="A840">
        <v>50280</v>
      </c>
      <c r="B840">
        <f t="shared" si="13"/>
        <v>13.966666666666667</v>
      </c>
      <c r="C840">
        <v>237850</v>
      </c>
      <c r="D840">
        <v>24.5</v>
      </c>
      <c r="E840">
        <v>554.34782608695696</v>
      </c>
    </row>
    <row r="841" spans="1:5" x14ac:dyDescent="0.25">
      <c r="A841">
        <v>50340</v>
      </c>
      <c r="B841">
        <f t="shared" si="13"/>
        <v>13.983333333333333</v>
      </c>
      <c r="C841">
        <v>235250</v>
      </c>
      <c r="D841">
        <v>24.6</v>
      </c>
      <c r="E841">
        <v>548.91304347826099</v>
      </c>
    </row>
    <row r="842" spans="1:5" x14ac:dyDescent="0.25">
      <c r="A842">
        <v>50400</v>
      </c>
      <c r="B842">
        <f t="shared" si="13"/>
        <v>14</v>
      </c>
      <c r="C842">
        <v>233950</v>
      </c>
      <c r="D842">
        <v>24.5</v>
      </c>
      <c r="E842">
        <v>543.47826086956502</v>
      </c>
    </row>
    <row r="843" spans="1:5" x14ac:dyDescent="0.25">
      <c r="A843">
        <v>50460</v>
      </c>
      <c r="B843">
        <f t="shared" si="13"/>
        <v>14.016666666666667</v>
      </c>
      <c r="C843">
        <v>232200</v>
      </c>
      <c r="D843">
        <v>24.6</v>
      </c>
      <c r="E843">
        <v>539.85507246376801</v>
      </c>
    </row>
    <row r="844" spans="1:5" x14ac:dyDescent="0.25">
      <c r="A844">
        <v>50520</v>
      </c>
      <c r="B844">
        <f t="shared" si="13"/>
        <v>14.033333333333333</v>
      </c>
      <c r="C844">
        <v>230349</v>
      </c>
      <c r="D844">
        <v>24.6</v>
      </c>
      <c r="E844">
        <v>536.231884057971</v>
      </c>
    </row>
    <row r="845" spans="1:5" x14ac:dyDescent="0.25">
      <c r="A845">
        <v>50580</v>
      </c>
      <c r="B845">
        <f t="shared" si="13"/>
        <v>14.05</v>
      </c>
      <c r="C845">
        <v>201299</v>
      </c>
      <c r="D845">
        <v>24.7</v>
      </c>
      <c r="E845">
        <v>532.60869565217399</v>
      </c>
    </row>
    <row r="846" spans="1:5" x14ac:dyDescent="0.25">
      <c r="A846">
        <v>50640</v>
      </c>
      <c r="B846">
        <f t="shared" si="13"/>
        <v>14.066666666666666</v>
      </c>
      <c r="C846">
        <v>63350</v>
      </c>
      <c r="D846">
        <v>24.7</v>
      </c>
      <c r="E846">
        <v>528.98550724637698</v>
      </c>
    </row>
    <row r="847" spans="1:5" x14ac:dyDescent="0.25">
      <c r="A847">
        <v>50700</v>
      </c>
      <c r="B847">
        <f t="shared" si="13"/>
        <v>14.083333333333334</v>
      </c>
      <c r="C847">
        <v>214500</v>
      </c>
      <c r="D847">
        <v>24.8</v>
      </c>
      <c r="E847">
        <v>525.36231884057997</v>
      </c>
    </row>
    <row r="848" spans="1:5" x14ac:dyDescent="0.25">
      <c r="A848">
        <v>50760</v>
      </c>
      <c r="B848">
        <f t="shared" si="13"/>
        <v>14.1</v>
      </c>
      <c r="C848">
        <v>234850</v>
      </c>
      <c r="D848">
        <v>24.9</v>
      </c>
      <c r="E848">
        <v>521.73913043478296</v>
      </c>
    </row>
    <row r="849" spans="1:5" x14ac:dyDescent="0.25">
      <c r="A849">
        <v>50820</v>
      </c>
      <c r="B849">
        <f t="shared" si="13"/>
        <v>14.116666666666667</v>
      </c>
      <c r="C849">
        <v>234799</v>
      </c>
      <c r="D849">
        <v>24.8</v>
      </c>
      <c r="E849">
        <v>518.11594202898596</v>
      </c>
    </row>
    <row r="850" spans="1:5" x14ac:dyDescent="0.25">
      <c r="A850">
        <v>50880</v>
      </c>
      <c r="B850">
        <f t="shared" si="13"/>
        <v>14.133333333333333</v>
      </c>
      <c r="C850">
        <v>232600</v>
      </c>
      <c r="D850">
        <v>24.8</v>
      </c>
      <c r="E850">
        <v>514.49275362318895</v>
      </c>
    </row>
    <row r="851" spans="1:5" x14ac:dyDescent="0.25">
      <c r="A851">
        <v>50940</v>
      </c>
      <c r="B851">
        <f t="shared" si="13"/>
        <v>14.15</v>
      </c>
      <c r="C851">
        <v>234800</v>
      </c>
      <c r="D851">
        <v>24.7</v>
      </c>
      <c r="E851">
        <v>510.86956521739103</v>
      </c>
    </row>
    <row r="852" spans="1:5" x14ac:dyDescent="0.25">
      <c r="A852">
        <v>51000</v>
      </c>
      <c r="B852">
        <f t="shared" si="13"/>
        <v>14.166666666666666</v>
      </c>
      <c r="C852">
        <v>236200</v>
      </c>
      <c r="D852">
        <v>24.5</v>
      </c>
      <c r="E852">
        <v>507.24637681159402</v>
      </c>
    </row>
    <row r="853" spans="1:5" x14ac:dyDescent="0.25">
      <c r="A853">
        <v>51060</v>
      </c>
      <c r="B853">
        <f t="shared" si="13"/>
        <v>14.183333333333334</v>
      </c>
      <c r="C853">
        <v>232450</v>
      </c>
      <c r="D853">
        <v>24.4</v>
      </c>
      <c r="E853">
        <v>503.62318840579701</v>
      </c>
    </row>
    <row r="854" spans="1:5" x14ac:dyDescent="0.25">
      <c r="A854">
        <v>51120</v>
      </c>
      <c r="B854">
        <f t="shared" si="13"/>
        <v>14.2</v>
      </c>
      <c r="C854">
        <v>227700</v>
      </c>
      <c r="D854">
        <v>24.3</v>
      </c>
      <c r="E854">
        <v>500</v>
      </c>
    </row>
    <row r="855" spans="1:5" x14ac:dyDescent="0.25">
      <c r="A855">
        <v>51180</v>
      </c>
      <c r="B855">
        <f t="shared" si="13"/>
        <v>14.216666666666667</v>
      </c>
      <c r="C855">
        <v>221900</v>
      </c>
      <c r="D855">
        <v>24.3</v>
      </c>
      <c r="E855">
        <v>496.37681159420299</v>
      </c>
    </row>
    <row r="856" spans="1:5" x14ac:dyDescent="0.25">
      <c r="A856">
        <v>51240</v>
      </c>
      <c r="B856">
        <f t="shared" si="13"/>
        <v>14.233333333333333</v>
      </c>
      <c r="C856">
        <v>224150</v>
      </c>
      <c r="D856">
        <v>24.3</v>
      </c>
      <c r="E856">
        <v>492.75362318840598</v>
      </c>
    </row>
    <row r="857" spans="1:5" x14ac:dyDescent="0.25">
      <c r="A857">
        <v>51300</v>
      </c>
      <c r="B857">
        <f t="shared" si="13"/>
        <v>14.25</v>
      </c>
      <c r="C857">
        <v>223800</v>
      </c>
      <c r="D857">
        <v>24.2</v>
      </c>
      <c r="E857">
        <v>489.13043478260897</v>
      </c>
    </row>
    <row r="858" spans="1:5" x14ac:dyDescent="0.25">
      <c r="A858">
        <v>51360</v>
      </c>
      <c r="B858">
        <f t="shared" si="13"/>
        <v>14.266666666666667</v>
      </c>
      <c r="C858">
        <v>223050</v>
      </c>
      <c r="D858">
        <v>24.2</v>
      </c>
      <c r="E858">
        <v>485.50724637681202</v>
      </c>
    </row>
    <row r="859" spans="1:5" x14ac:dyDescent="0.25">
      <c r="A859">
        <v>51420</v>
      </c>
      <c r="B859">
        <f t="shared" si="13"/>
        <v>14.283333333333333</v>
      </c>
      <c r="C859">
        <v>221000</v>
      </c>
      <c r="D859">
        <v>24.2</v>
      </c>
      <c r="E859">
        <v>481.88405797101501</v>
      </c>
    </row>
    <row r="860" spans="1:5" x14ac:dyDescent="0.25">
      <c r="A860">
        <v>51480</v>
      </c>
      <c r="B860">
        <f t="shared" si="13"/>
        <v>14.3</v>
      </c>
      <c r="C860">
        <v>219900</v>
      </c>
      <c r="D860">
        <v>24.2</v>
      </c>
      <c r="E860">
        <v>478.26086956521698</v>
      </c>
    </row>
    <row r="861" spans="1:5" x14ac:dyDescent="0.25">
      <c r="A861">
        <v>51540</v>
      </c>
      <c r="B861">
        <f t="shared" si="13"/>
        <v>14.316666666666666</v>
      </c>
      <c r="C861">
        <v>218050</v>
      </c>
      <c r="D861">
        <v>24.2</v>
      </c>
      <c r="E861">
        <v>474.63768115942003</v>
      </c>
    </row>
    <row r="862" spans="1:5" x14ac:dyDescent="0.25">
      <c r="A862">
        <v>51600</v>
      </c>
      <c r="B862">
        <f t="shared" si="13"/>
        <v>14.333333333333334</v>
      </c>
      <c r="C862">
        <v>216100</v>
      </c>
      <c r="D862">
        <v>24.2</v>
      </c>
      <c r="E862">
        <v>471.01449275362302</v>
      </c>
    </row>
    <row r="863" spans="1:5" x14ac:dyDescent="0.25">
      <c r="A863">
        <v>51660</v>
      </c>
      <c r="B863">
        <f t="shared" si="13"/>
        <v>14.35</v>
      </c>
      <c r="C863">
        <v>214799</v>
      </c>
      <c r="D863">
        <v>24.3</v>
      </c>
      <c r="E863">
        <v>467.39130434782601</v>
      </c>
    </row>
    <row r="864" spans="1:5" x14ac:dyDescent="0.25">
      <c r="A864">
        <v>51720</v>
      </c>
      <c r="B864">
        <f t="shared" si="13"/>
        <v>14.366666666666667</v>
      </c>
      <c r="C864">
        <v>213750</v>
      </c>
      <c r="D864">
        <v>24.2</v>
      </c>
      <c r="E864">
        <v>463.768115942029</v>
      </c>
    </row>
    <row r="865" spans="1:5" x14ac:dyDescent="0.25">
      <c r="A865">
        <v>51780</v>
      </c>
      <c r="B865">
        <f t="shared" si="13"/>
        <v>14.383333333333333</v>
      </c>
      <c r="C865">
        <v>213300</v>
      </c>
      <c r="D865">
        <v>24.3</v>
      </c>
      <c r="E865">
        <v>460.14492753623199</v>
      </c>
    </row>
    <row r="866" spans="1:5" x14ac:dyDescent="0.25">
      <c r="A866">
        <v>51840</v>
      </c>
      <c r="B866">
        <f t="shared" si="13"/>
        <v>14.4</v>
      </c>
      <c r="C866">
        <v>211950</v>
      </c>
      <c r="D866">
        <v>24.4</v>
      </c>
      <c r="E866">
        <v>456.52173913043498</v>
      </c>
    </row>
    <row r="867" spans="1:5" x14ac:dyDescent="0.25">
      <c r="A867">
        <v>51900</v>
      </c>
      <c r="B867">
        <f t="shared" si="13"/>
        <v>14.416666666666666</v>
      </c>
      <c r="C867">
        <v>210600</v>
      </c>
      <c r="D867">
        <v>24.4</v>
      </c>
      <c r="E867">
        <v>452.89855072463803</v>
      </c>
    </row>
    <row r="868" spans="1:5" x14ac:dyDescent="0.25">
      <c r="A868">
        <v>51960</v>
      </c>
      <c r="B868">
        <f t="shared" si="13"/>
        <v>14.433333333333334</v>
      </c>
      <c r="C868">
        <v>208799</v>
      </c>
      <c r="D868">
        <v>24.6</v>
      </c>
      <c r="E868">
        <v>449.27536231884102</v>
      </c>
    </row>
    <row r="869" spans="1:5" x14ac:dyDescent="0.25">
      <c r="A869">
        <v>52020</v>
      </c>
      <c r="B869">
        <f t="shared" si="13"/>
        <v>14.45</v>
      </c>
      <c r="C869">
        <v>206500</v>
      </c>
      <c r="D869">
        <v>24.6</v>
      </c>
      <c r="E869">
        <v>445.65217391304401</v>
      </c>
    </row>
    <row r="870" spans="1:5" x14ac:dyDescent="0.25">
      <c r="A870">
        <v>52080</v>
      </c>
      <c r="B870">
        <f t="shared" si="13"/>
        <v>14.466666666666667</v>
      </c>
      <c r="C870">
        <v>205849</v>
      </c>
      <c r="D870">
        <v>24.6</v>
      </c>
      <c r="E870">
        <v>442.02898550724598</v>
      </c>
    </row>
    <row r="871" spans="1:5" x14ac:dyDescent="0.25">
      <c r="A871">
        <v>52140</v>
      </c>
      <c r="B871">
        <f t="shared" si="13"/>
        <v>14.483333333333333</v>
      </c>
      <c r="C871">
        <v>205050</v>
      </c>
      <c r="D871">
        <v>24.5</v>
      </c>
      <c r="E871">
        <v>438.40579710144902</v>
      </c>
    </row>
    <row r="872" spans="1:5" x14ac:dyDescent="0.25">
      <c r="A872">
        <v>52200</v>
      </c>
      <c r="B872">
        <f t="shared" si="13"/>
        <v>14.5</v>
      </c>
      <c r="C872">
        <v>206650</v>
      </c>
      <c r="D872">
        <v>24.3</v>
      </c>
      <c r="E872">
        <v>434.78260869565202</v>
      </c>
    </row>
    <row r="873" spans="1:5" x14ac:dyDescent="0.25">
      <c r="A873">
        <v>52260</v>
      </c>
      <c r="B873">
        <f t="shared" si="13"/>
        <v>14.516666666666667</v>
      </c>
      <c r="C873">
        <v>206350</v>
      </c>
      <c r="D873">
        <v>24.3</v>
      </c>
      <c r="E873">
        <v>431.15942028985501</v>
      </c>
    </row>
    <row r="874" spans="1:5" x14ac:dyDescent="0.25">
      <c r="A874">
        <v>52320</v>
      </c>
      <c r="B874">
        <f t="shared" si="13"/>
        <v>14.533333333333333</v>
      </c>
      <c r="C874">
        <v>206250</v>
      </c>
      <c r="D874">
        <v>24.3</v>
      </c>
      <c r="E874">
        <v>427.536231884058</v>
      </c>
    </row>
    <row r="875" spans="1:5" x14ac:dyDescent="0.25">
      <c r="A875">
        <v>52380</v>
      </c>
      <c r="B875">
        <f t="shared" si="13"/>
        <v>14.55</v>
      </c>
      <c r="C875">
        <v>205450</v>
      </c>
      <c r="D875">
        <v>24.3</v>
      </c>
      <c r="E875">
        <v>423.91304347826099</v>
      </c>
    </row>
    <row r="876" spans="1:5" x14ac:dyDescent="0.25">
      <c r="A876">
        <v>52440</v>
      </c>
      <c r="B876">
        <f t="shared" si="13"/>
        <v>14.566666666666666</v>
      </c>
      <c r="C876">
        <v>204650</v>
      </c>
      <c r="D876">
        <v>24.3</v>
      </c>
      <c r="E876">
        <v>420.28985507246398</v>
      </c>
    </row>
    <row r="877" spans="1:5" x14ac:dyDescent="0.25">
      <c r="A877">
        <v>52500</v>
      </c>
      <c r="B877">
        <f t="shared" si="13"/>
        <v>14.583333333333334</v>
      </c>
      <c r="C877">
        <v>203249</v>
      </c>
      <c r="D877">
        <v>24.3</v>
      </c>
      <c r="E877">
        <v>416.66666666666703</v>
      </c>
    </row>
    <row r="878" spans="1:5" x14ac:dyDescent="0.25">
      <c r="A878">
        <v>52560</v>
      </c>
      <c r="B878">
        <f t="shared" si="13"/>
        <v>14.6</v>
      </c>
      <c r="C878">
        <v>201200</v>
      </c>
      <c r="D878">
        <v>24.3</v>
      </c>
      <c r="E878">
        <v>413.04347826087002</v>
      </c>
    </row>
    <row r="879" spans="1:5" x14ac:dyDescent="0.25">
      <c r="A879">
        <v>52620</v>
      </c>
      <c r="B879">
        <f t="shared" si="13"/>
        <v>14.616666666666667</v>
      </c>
      <c r="C879">
        <v>199250</v>
      </c>
      <c r="D879">
        <v>24.3</v>
      </c>
      <c r="E879">
        <v>409.42028985507301</v>
      </c>
    </row>
    <row r="880" spans="1:5" x14ac:dyDescent="0.25">
      <c r="A880">
        <v>52680</v>
      </c>
      <c r="B880">
        <f t="shared" si="13"/>
        <v>14.633333333333333</v>
      </c>
      <c r="C880">
        <v>197450</v>
      </c>
      <c r="D880">
        <v>24.2</v>
      </c>
      <c r="E880">
        <v>405.79710144927498</v>
      </c>
    </row>
    <row r="881" spans="1:5" x14ac:dyDescent="0.25">
      <c r="A881">
        <v>52740</v>
      </c>
      <c r="B881">
        <f t="shared" si="13"/>
        <v>14.65</v>
      </c>
      <c r="C881">
        <v>195500</v>
      </c>
      <c r="D881">
        <v>24.3</v>
      </c>
      <c r="E881">
        <v>402.17391304347802</v>
      </c>
    </row>
    <row r="882" spans="1:5" x14ac:dyDescent="0.25">
      <c r="A882">
        <v>52800</v>
      </c>
      <c r="B882">
        <f t="shared" si="13"/>
        <v>14.666666666666666</v>
      </c>
      <c r="C882">
        <v>194500</v>
      </c>
      <c r="D882">
        <v>24.2</v>
      </c>
      <c r="E882">
        <v>398.55072463768101</v>
      </c>
    </row>
    <row r="883" spans="1:5" x14ac:dyDescent="0.25">
      <c r="A883">
        <v>52860</v>
      </c>
      <c r="B883">
        <f t="shared" si="13"/>
        <v>14.683333333333334</v>
      </c>
      <c r="C883">
        <v>194050</v>
      </c>
      <c r="D883">
        <v>24.1</v>
      </c>
      <c r="E883">
        <v>394.92753623188401</v>
      </c>
    </row>
    <row r="884" spans="1:5" x14ac:dyDescent="0.25">
      <c r="A884">
        <v>52920</v>
      </c>
      <c r="B884">
        <f t="shared" si="13"/>
        <v>14.7</v>
      </c>
      <c r="C884">
        <v>193900</v>
      </c>
      <c r="D884">
        <v>24.1</v>
      </c>
      <c r="E884">
        <v>391.304347826087</v>
      </c>
    </row>
    <row r="885" spans="1:5" x14ac:dyDescent="0.25">
      <c r="A885">
        <v>52980</v>
      </c>
      <c r="B885">
        <f t="shared" si="13"/>
        <v>14.716666666666667</v>
      </c>
      <c r="C885">
        <v>193650</v>
      </c>
      <c r="D885">
        <v>24</v>
      </c>
      <c r="E885">
        <v>387.68115942028999</v>
      </c>
    </row>
    <row r="886" spans="1:5" x14ac:dyDescent="0.25">
      <c r="A886">
        <v>53040</v>
      </c>
      <c r="B886">
        <f t="shared" si="13"/>
        <v>14.733333333333333</v>
      </c>
      <c r="C886">
        <v>193650</v>
      </c>
      <c r="D886">
        <v>24.2</v>
      </c>
      <c r="E886">
        <v>384.05797101449298</v>
      </c>
    </row>
    <row r="887" spans="1:5" x14ac:dyDescent="0.25">
      <c r="A887">
        <v>53100</v>
      </c>
      <c r="B887">
        <f t="shared" si="13"/>
        <v>14.75</v>
      </c>
      <c r="C887">
        <v>192549</v>
      </c>
      <c r="D887">
        <v>24.3</v>
      </c>
      <c r="E887">
        <v>380.43478260869603</v>
      </c>
    </row>
    <row r="888" spans="1:5" x14ac:dyDescent="0.25">
      <c r="A888">
        <v>53160</v>
      </c>
      <c r="B888">
        <f t="shared" si="13"/>
        <v>14.766666666666667</v>
      </c>
      <c r="C888">
        <v>192850</v>
      </c>
      <c r="D888">
        <v>24.2</v>
      </c>
      <c r="E888">
        <v>376.81159420289902</v>
      </c>
    </row>
    <row r="889" spans="1:5" x14ac:dyDescent="0.25">
      <c r="A889">
        <v>53220</v>
      </c>
      <c r="B889">
        <f t="shared" si="13"/>
        <v>14.783333333333333</v>
      </c>
      <c r="C889">
        <v>191550</v>
      </c>
      <c r="D889">
        <v>24.2</v>
      </c>
      <c r="E889">
        <v>373.18840579710201</v>
      </c>
    </row>
    <row r="890" spans="1:5" x14ac:dyDescent="0.25">
      <c r="A890">
        <v>53280</v>
      </c>
      <c r="B890">
        <f t="shared" si="13"/>
        <v>14.8</v>
      </c>
      <c r="C890">
        <v>132000</v>
      </c>
      <c r="D890">
        <v>24.1</v>
      </c>
      <c r="E890">
        <v>369.56521739130397</v>
      </c>
    </row>
    <row r="891" spans="1:5" x14ac:dyDescent="0.25">
      <c r="A891">
        <v>53340</v>
      </c>
      <c r="B891">
        <f t="shared" si="13"/>
        <v>14.816666666666666</v>
      </c>
      <c r="C891">
        <v>41700</v>
      </c>
      <c r="D891">
        <v>24</v>
      </c>
      <c r="E891">
        <v>365.94202898550702</v>
      </c>
    </row>
    <row r="892" spans="1:5" x14ac:dyDescent="0.25">
      <c r="A892">
        <v>53400</v>
      </c>
      <c r="B892">
        <f t="shared" si="13"/>
        <v>14.833333333333334</v>
      </c>
      <c r="C892">
        <v>192249</v>
      </c>
      <c r="D892">
        <v>23.9</v>
      </c>
      <c r="E892">
        <v>362.31884057971001</v>
      </c>
    </row>
    <row r="893" spans="1:5" x14ac:dyDescent="0.25">
      <c r="A893">
        <v>53460</v>
      </c>
      <c r="B893">
        <f t="shared" si="13"/>
        <v>14.85</v>
      </c>
      <c r="C893">
        <v>178999</v>
      </c>
      <c r="D893">
        <v>23.8</v>
      </c>
      <c r="E893">
        <v>358.695652173913</v>
      </c>
    </row>
    <row r="894" spans="1:5" x14ac:dyDescent="0.25">
      <c r="A894">
        <v>53520</v>
      </c>
      <c r="B894">
        <f t="shared" si="13"/>
        <v>14.866666666666667</v>
      </c>
      <c r="C894">
        <v>183400</v>
      </c>
      <c r="D894">
        <v>23.7</v>
      </c>
      <c r="E894">
        <v>355.07246376811599</v>
      </c>
    </row>
    <row r="895" spans="1:5" x14ac:dyDescent="0.25">
      <c r="A895">
        <v>53580</v>
      </c>
      <c r="B895">
        <f t="shared" si="13"/>
        <v>14.883333333333333</v>
      </c>
      <c r="C895">
        <v>183200</v>
      </c>
      <c r="D895">
        <v>23.7</v>
      </c>
      <c r="E895">
        <v>351.44927536231899</v>
      </c>
    </row>
    <row r="896" spans="1:5" x14ac:dyDescent="0.25">
      <c r="A896">
        <v>53640</v>
      </c>
      <c r="B896">
        <f t="shared" si="13"/>
        <v>14.9</v>
      </c>
      <c r="C896">
        <v>183300</v>
      </c>
      <c r="D896">
        <v>23.8</v>
      </c>
      <c r="E896">
        <v>347.82608695652198</v>
      </c>
    </row>
    <row r="897" spans="1:5" x14ac:dyDescent="0.25">
      <c r="A897">
        <v>53700</v>
      </c>
      <c r="B897">
        <f t="shared" si="13"/>
        <v>14.916666666666666</v>
      </c>
      <c r="C897">
        <v>172300</v>
      </c>
      <c r="D897">
        <v>23.8</v>
      </c>
      <c r="E897">
        <v>344.20289855072502</v>
      </c>
    </row>
    <row r="898" spans="1:5" x14ac:dyDescent="0.25">
      <c r="A898">
        <v>53760</v>
      </c>
      <c r="B898">
        <f t="shared" si="13"/>
        <v>14.933333333333334</v>
      </c>
      <c r="C898">
        <v>178100</v>
      </c>
      <c r="D898">
        <v>23.9</v>
      </c>
      <c r="E898">
        <v>340.57971014492801</v>
      </c>
    </row>
    <row r="899" spans="1:5" x14ac:dyDescent="0.25">
      <c r="A899">
        <v>53820</v>
      </c>
      <c r="B899">
        <f t="shared" ref="B899:B962" si="14">A899/3600</f>
        <v>14.95</v>
      </c>
      <c r="C899">
        <v>176849</v>
      </c>
      <c r="D899">
        <v>23.9</v>
      </c>
      <c r="E899">
        <v>336.95652173912998</v>
      </c>
    </row>
    <row r="900" spans="1:5" x14ac:dyDescent="0.25">
      <c r="A900">
        <v>53880</v>
      </c>
      <c r="B900">
        <f t="shared" si="14"/>
        <v>14.966666666666667</v>
      </c>
      <c r="C900">
        <v>175450</v>
      </c>
      <c r="D900">
        <v>23.9</v>
      </c>
      <c r="E900">
        <v>333.33333333333297</v>
      </c>
    </row>
    <row r="901" spans="1:5" x14ac:dyDescent="0.25">
      <c r="A901">
        <v>53940</v>
      </c>
      <c r="B901">
        <f t="shared" si="14"/>
        <v>14.983333333333333</v>
      </c>
      <c r="C901">
        <v>173900</v>
      </c>
      <c r="D901">
        <v>24</v>
      </c>
      <c r="E901">
        <v>329.71014492753602</v>
      </c>
    </row>
    <row r="902" spans="1:5" x14ac:dyDescent="0.25">
      <c r="A902">
        <v>54000</v>
      </c>
      <c r="B902">
        <f t="shared" si="14"/>
        <v>15</v>
      </c>
      <c r="C902">
        <v>173549</v>
      </c>
      <c r="D902">
        <v>24.1</v>
      </c>
      <c r="E902">
        <v>326.08695652173901</v>
      </c>
    </row>
    <row r="903" spans="1:5" x14ac:dyDescent="0.25">
      <c r="A903">
        <v>54060</v>
      </c>
      <c r="B903">
        <f t="shared" si="14"/>
        <v>15.016666666666667</v>
      </c>
      <c r="C903">
        <v>173499</v>
      </c>
      <c r="D903">
        <v>24.1</v>
      </c>
      <c r="E903">
        <v>327.89855072463803</v>
      </c>
    </row>
    <row r="904" spans="1:5" x14ac:dyDescent="0.25">
      <c r="A904">
        <v>54120</v>
      </c>
      <c r="B904">
        <f t="shared" si="14"/>
        <v>15.033333333333333</v>
      </c>
      <c r="C904">
        <v>172200</v>
      </c>
      <c r="D904">
        <v>24.1</v>
      </c>
      <c r="E904">
        <v>329.71014492753602</v>
      </c>
    </row>
    <row r="905" spans="1:5" x14ac:dyDescent="0.25">
      <c r="A905">
        <v>54180</v>
      </c>
      <c r="B905">
        <f t="shared" si="14"/>
        <v>15.05</v>
      </c>
      <c r="C905">
        <v>165150</v>
      </c>
      <c r="D905">
        <v>24.1</v>
      </c>
      <c r="E905">
        <v>331.52173913043498</v>
      </c>
    </row>
    <row r="906" spans="1:5" x14ac:dyDescent="0.25">
      <c r="A906">
        <v>54240</v>
      </c>
      <c r="B906">
        <f t="shared" si="14"/>
        <v>15.066666666666666</v>
      </c>
      <c r="C906">
        <v>104300</v>
      </c>
      <c r="D906">
        <v>24</v>
      </c>
      <c r="E906">
        <v>333.33333333333297</v>
      </c>
    </row>
    <row r="907" spans="1:5" x14ac:dyDescent="0.25">
      <c r="A907">
        <v>54300</v>
      </c>
      <c r="B907">
        <f t="shared" si="14"/>
        <v>15.083333333333334</v>
      </c>
      <c r="C907">
        <v>168500</v>
      </c>
      <c r="D907">
        <v>24</v>
      </c>
      <c r="E907">
        <v>335.14492753623199</v>
      </c>
    </row>
    <row r="908" spans="1:5" x14ac:dyDescent="0.25">
      <c r="A908">
        <v>54360</v>
      </c>
      <c r="B908">
        <f t="shared" si="14"/>
        <v>15.1</v>
      </c>
      <c r="C908">
        <v>168099</v>
      </c>
      <c r="D908">
        <v>23.9</v>
      </c>
      <c r="E908">
        <v>336.95652173912998</v>
      </c>
    </row>
    <row r="909" spans="1:5" x14ac:dyDescent="0.25">
      <c r="A909">
        <v>54420</v>
      </c>
      <c r="B909">
        <f t="shared" si="14"/>
        <v>15.116666666666667</v>
      </c>
      <c r="C909">
        <v>167700</v>
      </c>
      <c r="D909">
        <v>23.9</v>
      </c>
      <c r="E909">
        <v>338.768115942029</v>
      </c>
    </row>
    <row r="910" spans="1:5" x14ac:dyDescent="0.25">
      <c r="A910">
        <v>54480</v>
      </c>
      <c r="B910">
        <f t="shared" si="14"/>
        <v>15.133333333333333</v>
      </c>
      <c r="C910">
        <v>167750</v>
      </c>
      <c r="D910">
        <v>24</v>
      </c>
      <c r="E910">
        <v>340.57971014492801</v>
      </c>
    </row>
    <row r="911" spans="1:5" x14ac:dyDescent="0.25">
      <c r="A911">
        <v>54540</v>
      </c>
      <c r="B911">
        <f t="shared" si="14"/>
        <v>15.15</v>
      </c>
      <c r="C911">
        <v>167750</v>
      </c>
      <c r="D911">
        <v>24</v>
      </c>
      <c r="E911">
        <v>342.39130434782601</v>
      </c>
    </row>
    <row r="912" spans="1:5" x14ac:dyDescent="0.25">
      <c r="A912">
        <v>54600</v>
      </c>
      <c r="B912">
        <f t="shared" si="14"/>
        <v>15.166666666666666</v>
      </c>
      <c r="C912">
        <v>167350</v>
      </c>
      <c r="D912">
        <v>24</v>
      </c>
      <c r="E912">
        <v>344.20289855072502</v>
      </c>
    </row>
    <row r="913" spans="1:5" x14ac:dyDescent="0.25">
      <c r="A913">
        <v>54660</v>
      </c>
      <c r="B913">
        <f t="shared" si="14"/>
        <v>15.183333333333334</v>
      </c>
      <c r="C913">
        <v>166650</v>
      </c>
      <c r="D913">
        <v>24</v>
      </c>
      <c r="E913">
        <v>346.01449275362302</v>
      </c>
    </row>
    <row r="914" spans="1:5" x14ac:dyDescent="0.25">
      <c r="A914">
        <v>54720</v>
      </c>
      <c r="B914">
        <f t="shared" si="14"/>
        <v>15.2</v>
      </c>
      <c r="C914">
        <v>165950</v>
      </c>
      <c r="D914">
        <v>24</v>
      </c>
      <c r="E914">
        <v>347.82608695652198</v>
      </c>
    </row>
    <row r="915" spans="1:5" x14ac:dyDescent="0.25">
      <c r="A915">
        <v>54780</v>
      </c>
      <c r="B915">
        <f t="shared" si="14"/>
        <v>15.216666666666667</v>
      </c>
      <c r="C915">
        <v>164400</v>
      </c>
      <c r="D915">
        <v>24</v>
      </c>
      <c r="E915">
        <v>349.63768115942003</v>
      </c>
    </row>
    <row r="916" spans="1:5" x14ac:dyDescent="0.25">
      <c r="A916">
        <v>54840</v>
      </c>
      <c r="B916">
        <f t="shared" si="14"/>
        <v>15.233333333333333</v>
      </c>
      <c r="C916">
        <v>162200</v>
      </c>
      <c r="D916">
        <v>23.9</v>
      </c>
      <c r="E916">
        <v>351.44927536231899</v>
      </c>
    </row>
    <row r="917" spans="1:5" x14ac:dyDescent="0.25">
      <c r="A917">
        <v>54900</v>
      </c>
      <c r="B917">
        <f t="shared" si="14"/>
        <v>15.25</v>
      </c>
      <c r="C917">
        <v>161000</v>
      </c>
      <c r="D917">
        <v>23.9</v>
      </c>
      <c r="E917">
        <v>353.26086956521698</v>
      </c>
    </row>
    <row r="918" spans="1:5" x14ac:dyDescent="0.25">
      <c r="A918">
        <v>54960</v>
      </c>
      <c r="B918">
        <f t="shared" si="14"/>
        <v>15.266666666666667</v>
      </c>
      <c r="C918">
        <v>160099</v>
      </c>
      <c r="D918">
        <v>23.9</v>
      </c>
      <c r="E918">
        <v>355.07246376811599</v>
      </c>
    </row>
    <row r="919" spans="1:5" x14ac:dyDescent="0.25">
      <c r="A919">
        <v>55020</v>
      </c>
      <c r="B919">
        <f t="shared" si="14"/>
        <v>15.283333333333333</v>
      </c>
      <c r="C919">
        <v>158800</v>
      </c>
      <c r="D919">
        <v>23.9</v>
      </c>
      <c r="E919">
        <v>356.88405797101501</v>
      </c>
    </row>
    <row r="920" spans="1:5" x14ac:dyDescent="0.25">
      <c r="A920">
        <v>55080</v>
      </c>
      <c r="B920">
        <f t="shared" si="14"/>
        <v>15.3</v>
      </c>
      <c r="C920">
        <v>157400</v>
      </c>
      <c r="D920">
        <v>24</v>
      </c>
      <c r="E920">
        <v>358.695652173913</v>
      </c>
    </row>
    <row r="921" spans="1:5" x14ac:dyDescent="0.25">
      <c r="A921">
        <v>55140</v>
      </c>
      <c r="B921">
        <f t="shared" si="14"/>
        <v>15.316666666666666</v>
      </c>
      <c r="C921">
        <v>155799</v>
      </c>
      <c r="D921">
        <v>24</v>
      </c>
      <c r="E921">
        <v>360.50724637681202</v>
      </c>
    </row>
    <row r="922" spans="1:5" x14ac:dyDescent="0.25">
      <c r="A922">
        <v>55200</v>
      </c>
      <c r="B922">
        <f t="shared" si="14"/>
        <v>15.333333333333334</v>
      </c>
      <c r="C922">
        <v>155300</v>
      </c>
      <c r="D922">
        <v>23.9</v>
      </c>
      <c r="E922">
        <v>362.31884057971001</v>
      </c>
    </row>
    <row r="923" spans="1:5" x14ac:dyDescent="0.25">
      <c r="A923">
        <v>55260</v>
      </c>
      <c r="B923">
        <f t="shared" si="14"/>
        <v>15.35</v>
      </c>
      <c r="C923">
        <v>153650</v>
      </c>
      <c r="D923">
        <v>23.9</v>
      </c>
      <c r="E923">
        <v>364.13043478260897</v>
      </c>
    </row>
    <row r="924" spans="1:5" x14ac:dyDescent="0.25">
      <c r="A924">
        <v>55320</v>
      </c>
      <c r="B924">
        <f t="shared" si="14"/>
        <v>15.366666666666667</v>
      </c>
      <c r="C924">
        <v>152650</v>
      </c>
      <c r="D924">
        <v>23.8</v>
      </c>
      <c r="E924">
        <v>365.94202898550702</v>
      </c>
    </row>
    <row r="925" spans="1:5" x14ac:dyDescent="0.25">
      <c r="A925">
        <v>55380</v>
      </c>
      <c r="B925">
        <f t="shared" si="14"/>
        <v>15.383333333333333</v>
      </c>
      <c r="C925">
        <v>151600</v>
      </c>
      <c r="D925">
        <v>23.8</v>
      </c>
      <c r="E925">
        <v>367.75362318840598</v>
      </c>
    </row>
    <row r="926" spans="1:5" x14ac:dyDescent="0.25">
      <c r="A926">
        <v>55440</v>
      </c>
      <c r="B926">
        <f t="shared" si="14"/>
        <v>15.4</v>
      </c>
      <c r="C926">
        <v>149849</v>
      </c>
      <c r="D926">
        <v>23.8</v>
      </c>
      <c r="E926">
        <v>369.56521739130397</v>
      </c>
    </row>
    <row r="927" spans="1:5" x14ac:dyDescent="0.25">
      <c r="A927">
        <v>55500</v>
      </c>
      <c r="B927">
        <f t="shared" si="14"/>
        <v>15.416666666666666</v>
      </c>
      <c r="C927">
        <v>148600</v>
      </c>
      <c r="D927">
        <v>23.9</v>
      </c>
      <c r="E927">
        <v>371.37681159420299</v>
      </c>
    </row>
    <row r="928" spans="1:5" x14ac:dyDescent="0.25">
      <c r="A928">
        <v>55560</v>
      </c>
      <c r="B928">
        <f t="shared" si="14"/>
        <v>15.433333333333334</v>
      </c>
      <c r="C928">
        <v>147250</v>
      </c>
      <c r="D928">
        <v>23.9</v>
      </c>
      <c r="E928">
        <v>373.18840579710098</v>
      </c>
    </row>
    <row r="929" spans="1:5" x14ac:dyDescent="0.25">
      <c r="A929">
        <v>55620</v>
      </c>
      <c r="B929">
        <f t="shared" si="14"/>
        <v>15.45</v>
      </c>
      <c r="C929">
        <v>145750</v>
      </c>
      <c r="D929">
        <v>23.8</v>
      </c>
      <c r="E929">
        <v>375</v>
      </c>
    </row>
    <row r="930" spans="1:5" x14ac:dyDescent="0.25">
      <c r="A930">
        <v>55680</v>
      </c>
      <c r="B930">
        <f t="shared" si="14"/>
        <v>15.466666666666667</v>
      </c>
      <c r="C930">
        <v>144500</v>
      </c>
      <c r="D930">
        <v>23.8</v>
      </c>
      <c r="E930">
        <v>376.81159420289902</v>
      </c>
    </row>
    <row r="931" spans="1:5" x14ac:dyDescent="0.25">
      <c r="A931">
        <v>55740</v>
      </c>
      <c r="B931">
        <f t="shared" si="14"/>
        <v>15.483333333333333</v>
      </c>
      <c r="C931">
        <v>143400</v>
      </c>
      <c r="D931">
        <v>23.8</v>
      </c>
      <c r="E931">
        <v>378.62318840579701</v>
      </c>
    </row>
    <row r="932" spans="1:5" x14ac:dyDescent="0.25">
      <c r="A932">
        <v>55800</v>
      </c>
      <c r="B932">
        <f t="shared" si="14"/>
        <v>15.5</v>
      </c>
      <c r="C932">
        <v>142300</v>
      </c>
      <c r="D932">
        <v>23.8</v>
      </c>
      <c r="E932">
        <v>380.43478260869603</v>
      </c>
    </row>
    <row r="933" spans="1:5" x14ac:dyDescent="0.25">
      <c r="A933">
        <v>55860</v>
      </c>
      <c r="B933">
        <f t="shared" si="14"/>
        <v>15.516666666666667</v>
      </c>
      <c r="C933">
        <v>140600</v>
      </c>
      <c r="D933">
        <v>23.8</v>
      </c>
      <c r="E933">
        <v>382.24637681159402</v>
      </c>
    </row>
    <row r="934" spans="1:5" x14ac:dyDescent="0.25">
      <c r="A934">
        <v>55920</v>
      </c>
      <c r="B934">
        <f t="shared" si="14"/>
        <v>15.533333333333333</v>
      </c>
      <c r="C934">
        <v>138950</v>
      </c>
      <c r="D934">
        <v>23.9</v>
      </c>
      <c r="E934">
        <v>384.05797101449298</v>
      </c>
    </row>
    <row r="935" spans="1:5" x14ac:dyDescent="0.25">
      <c r="A935">
        <v>55980</v>
      </c>
      <c r="B935">
        <f t="shared" si="14"/>
        <v>15.55</v>
      </c>
      <c r="C935">
        <v>137700</v>
      </c>
      <c r="D935">
        <v>23.9</v>
      </c>
      <c r="E935">
        <v>385.86956521739103</v>
      </c>
    </row>
    <row r="936" spans="1:5" x14ac:dyDescent="0.25">
      <c r="A936">
        <v>56040</v>
      </c>
      <c r="B936">
        <f t="shared" si="14"/>
        <v>15.566666666666666</v>
      </c>
      <c r="C936">
        <v>136000</v>
      </c>
      <c r="D936">
        <v>23.9</v>
      </c>
      <c r="E936">
        <v>387.68115942028999</v>
      </c>
    </row>
    <row r="937" spans="1:5" x14ac:dyDescent="0.25">
      <c r="A937">
        <v>56100</v>
      </c>
      <c r="B937">
        <f t="shared" si="14"/>
        <v>15.583333333333334</v>
      </c>
      <c r="C937">
        <v>135500</v>
      </c>
      <c r="D937">
        <v>23.9</v>
      </c>
      <c r="E937">
        <v>389.49275362318798</v>
      </c>
    </row>
    <row r="938" spans="1:5" x14ac:dyDescent="0.25">
      <c r="A938">
        <v>56160</v>
      </c>
      <c r="B938">
        <f t="shared" si="14"/>
        <v>15.6</v>
      </c>
      <c r="C938">
        <v>135050</v>
      </c>
      <c r="D938">
        <v>23.9</v>
      </c>
      <c r="E938">
        <v>391.304347826087</v>
      </c>
    </row>
    <row r="939" spans="1:5" x14ac:dyDescent="0.25">
      <c r="A939">
        <v>56220</v>
      </c>
      <c r="B939">
        <f t="shared" si="14"/>
        <v>15.616666666666667</v>
      </c>
      <c r="C939">
        <v>133950</v>
      </c>
      <c r="D939">
        <v>23.9</v>
      </c>
      <c r="E939">
        <v>393.11594202898601</v>
      </c>
    </row>
    <row r="940" spans="1:5" x14ac:dyDescent="0.25">
      <c r="A940">
        <v>56280</v>
      </c>
      <c r="B940">
        <f t="shared" si="14"/>
        <v>15.633333333333333</v>
      </c>
      <c r="C940">
        <v>132400</v>
      </c>
      <c r="D940">
        <v>23.8</v>
      </c>
      <c r="E940">
        <v>394.92753623188401</v>
      </c>
    </row>
    <row r="941" spans="1:5" x14ac:dyDescent="0.25">
      <c r="A941">
        <v>56340</v>
      </c>
      <c r="B941">
        <f t="shared" si="14"/>
        <v>15.65</v>
      </c>
      <c r="C941">
        <v>131300</v>
      </c>
      <c r="D941">
        <v>23.8</v>
      </c>
      <c r="E941">
        <v>396.73913043478302</v>
      </c>
    </row>
    <row r="942" spans="1:5" x14ac:dyDescent="0.25">
      <c r="A942">
        <v>56400</v>
      </c>
      <c r="B942">
        <f t="shared" si="14"/>
        <v>15.666666666666666</v>
      </c>
      <c r="C942">
        <v>130600</v>
      </c>
      <c r="D942">
        <v>23.8</v>
      </c>
      <c r="E942">
        <v>398.55072463768101</v>
      </c>
    </row>
    <row r="943" spans="1:5" x14ac:dyDescent="0.25">
      <c r="A943">
        <v>56460</v>
      </c>
      <c r="B943">
        <f t="shared" si="14"/>
        <v>15.683333333333334</v>
      </c>
      <c r="C943">
        <v>128649</v>
      </c>
      <c r="D943">
        <v>23.8</v>
      </c>
      <c r="E943">
        <v>400.36231884057997</v>
      </c>
    </row>
    <row r="944" spans="1:5" x14ac:dyDescent="0.25">
      <c r="A944">
        <v>56520</v>
      </c>
      <c r="B944">
        <f t="shared" si="14"/>
        <v>15.7</v>
      </c>
      <c r="C944">
        <v>127400</v>
      </c>
      <c r="D944">
        <v>23.8</v>
      </c>
      <c r="E944">
        <v>402.17391304347802</v>
      </c>
    </row>
    <row r="945" spans="1:5" x14ac:dyDescent="0.25">
      <c r="A945">
        <v>56580</v>
      </c>
      <c r="B945">
        <f t="shared" si="14"/>
        <v>15.716666666666667</v>
      </c>
      <c r="C945">
        <v>126399</v>
      </c>
      <c r="D945">
        <v>23.8</v>
      </c>
      <c r="E945">
        <v>403.98550724637698</v>
      </c>
    </row>
    <row r="946" spans="1:5" x14ac:dyDescent="0.25">
      <c r="A946">
        <v>56640</v>
      </c>
      <c r="B946">
        <f t="shared" si="14"/>
        <v>15.733333333333333</v>
      </c>
      <c r="C946">
        <v>124700</v>
      </c>
      <c r="D946">
        <v>23.8</v>
      </c>
      <c r="E946">
        <v>405.79710144927498</v>
      </c>
    </row>
    <row r="947" spans="1:5" x14ac:dyDescent="0.25">
      <c r="A947">
        <v>56700</v>
      </c>
      <c r="B947">
        <f t="shared" si="14"/>
        <v>15.75</v>
      </c>
      <c r="C947">
        <v>123700</v>
      </c>
      <c r="D947">
        <v>23.8</v>
      </c>
      <c r="E947">
        <v>407.60869565217399</v>
      </c>
    </row>
    <row r="948" spans="1:5" x14ac:dyDescent="0.25">
      <c r="A948">
        <v>56760</v>
      </c>
      <c r="B948">
        <f t="shared" si="14"/>
        <v>15.766666666666667</v>
      </c>
      <c r="C948">
        <v>121749</v>
      </c>
      <c r="D948">
        <v>23.8</v>
      </c>
      <c r="E948">
        <v>409.42028985507199</v>
      </c>
    </row>
    <row r="949" spans="1:5" x14ac:dyDescent="0.25">
      <c r="A949">
        <v>56820</v>
      </c>
      <c r="B949">
        <f t="shared" si="14"/>
        <v>15.783333333333333</v>
      </c>
      <c r="C949">
        <v>120050</v>
      </c>
      <c r="D949">
        <v>23.9</v>
      </c>
      <c r="E949">
        <v>411.231884057971</v>
      </c>
    </row>
    <row r="950" spans="1:5" x14ac:dyDescent="0.25">
      <c r="A950">
        <v>56880</v>
      </c>
      <c r="B950">
        <f t="shared" si="14"/>
        <v>15.8</v>
      </c>
      <c r="C950">
        <v>118850</v>
      </c>
      <c r="D950">
        <v>23.9</v>
      </c>
      <c r="E950">
        <v>413.04347826087002</v>
      </c>
    </row>
    <row r="951" spans="1:5" x14ac:dyDescent="0.25">
      <c r="A951">
        <v>56940</v>
      </c>
      <c r="B951">
        <f t="shared" si="14"/>
        <v>15.816666666666666</v>
      </c>
      <c r="C951">
        <v>117450</v>
      </c>
      <c r="D951">
        <v>23.8</v>
      </c>
      <c r="E951">
        <v>414.85507246376801</v>
      </c>
    </row>
    <row r="952" spans="1:5" x14ac:dyDescent="0.25">
      <c r="A952">
        <v>57000</v>
      </c>
      <c r="B952">
        <f t="shared" si="14"/>
        <v>15.833333333333334</v>
      </c>
      <c r="C952">
        <v>115900</v>
      </c>
      <c r="D952">
        <v>23.8</v>
      </c>
      <c r="E952">
        <v>416.66666666666703</v>
      </c>
    </row>
    <row r="953" spans="1:5" x14ac:dyDescent="0.25">
      <c r="A953">
        <v>57060</v>
      </c>
      <c r="B953">
        <f t="shared" si="14"/>
        <v>15.85</v>
      </c>
      <c r="C953">
        <v>114000</v>
      </c>
      <c r="D953">
        <v>23.8</v>
      </c>
      <c r="E953">
        <v>418.47826086956502</v>
      </c>
    </row>
    <row r="954" spans="1:5" x14ac:dyDescent="0.25">
      <c r="A954">
        <v>57120</v>
      </c>
      <c r="B954">
        <f t="shared" si="14"/>
        <v>15.866666666666667</v>
      </c>
      <c r="C954">
        <v>112849</v>
      </c>
      <c r="D954">
        <v>23.8</v>
      </c>
      <c r="E954">
        <v>420.28985507246398</v>
      </c>
    </row>
    <row r="955" spans="1:5" x14ac:dyDescent="0.25">
      <c r="A955">
        <v>57180</v>
      </c>
      <c r="B955">
        <f t="shared" si="14"/>
        <v>15.883333333333333</v>
      </c>
      <c r="C955">
        <v>111900</v>
      </c>
      <c r="D955">
        <v>23.7</v>
      </c>
      <c r="E955">
        <v>422.10144927536197</v>
      </c>
    </row>
    <row r="956" spans="1:5" x14ac:dyDescent="0.25">
      <c r="A956">
        <v>57240</v>
      </c>
      <c r="B956">
        <f t="shared" si="14"/>
        <v>15.9</v>
      </c>
      <c r="C956">
        <v>110850</v>
      </c>
      <c r="D956">
        <v>23.7</v>
      </c>
      <c r="E956">
        <v>423.91304347826099</v>
      </c>
    </row>
    <row r="957" spans="1:5" x14ac:dyDescent="0.25">
      <c r="A957">
        <v>57300</v>
      </c>
      <c r="B957">
        <f t="shared" si="14"/>
        <v>15.916666666666666</v>
      </c>
      <c r="C957">
        <v>109850</v>
      </c>
      <c r="D957">
        <v>23.7</v>
      </c>
      <c r="E957">
        <v>425.72463768115898</v>
      </c>
    </row>
    <row r="958" spans="1:5" x14ac:dyDescent="0.25">
      <c r="A958">
        <v>57360</v>
      </c>
      <c r="B958">
        <f t="shared" si="14"/>
        <v>15.933333333333334</v>
      </c>
      <c r="C958">
        <v>108600</v>
      </c>
      <c r="D958">
        <v>23.6</v>
      </c>
      <c r="E958">
        <v>427.536231884058</v>
      </c>
    </row>
    <row r="959" spans="1:5" x14ac:dyDescent="0.25">
      <c r="A959">
        <v>57420</v>
      </c>
      <c r="B959">
        <f t="shared" si="14"/>
        <v>15.95</v>
      </c>
      <c r="C959">
        <v>107200</v>
      </c>
      <c r="D959">
        <v>23.6</v>
      </c>
      <c r="E959">
        <v>429.34782608695701</v>
      </c>
    </row>
    <row r="960" spans="1:5" x14ac:dyDescent="0.25">
      <c r="A960">
        <v>57480</v>
      </c>
      <c r="B960">
        <f t="shared" si="14"/>
        <v>15.966666666666667</v>
      </c>
      <c r="C960">
        <v>105799</v>
      </c>
      <c r="D960">
        <v>23.6</v>
      </c>
      <c r="E960">
        <v>431.15942028985501</v>
      </c>
    </row>
    <row r="961" spans="1:5" x14ac:dyDescent="0.25">
      <c r="A961">
        <v>57540</v>
      </c>
      <c r="B961">
        <f t="shared" si="14"/>
        <v>15.983333333333333</v>
      </c>
      <c r="C961">
        <v>104250</v>
      </c>
      <c r="D961">
        <v>23.6</v>
      </c>
      <c r="E961">
        <v>432.97101449275402</v>
      </c>
    </row>
    <row r="962" spans="1:5" x14ac:dyDescent="0.25">
      <c r="A962">
        <v>57600</v>
      </c>
      <c r="B962">
        <f t="shared" si="14"/>
        <v>16</v>
      </c>
      <c r="C962">
        <v>102950</v>
      </c>
      <c r="D962">
        <v>23.7</v>
      </c>
      <c r="E962">
        <v>434.78260869565202</v>
      </c>
    </row>
    <row r="963" spans="1:5" x14ac:dyDescent="0.25">
      <c r="A963">
        <v>57660</v>
      </c>
      <c r="B963">
        <f t="shared" ref="B963:B1026" si="15">A963/3600</f>
        <v>16.016666666666666</v>
      </c>
      <c r="C963">
        <v>101700</v>
      </c>
      <c r="D963">
        <v>23.6</v>
      </c>
      <c r="E963">
        <v>445.65217391304401</v>
      </c>
    </row>
    <row r="964" spans="1:5" x14ac:dyDescent="0.25">
      <c r="A964">
        <v>57720</v>
      </c>
      <c r="B964">
        <f t="shared" si="15"/>
        <v>16.033333333333335</v>
      </c>
      <c r="C964">
        <v>100149</v>
      </c>
      <c r="D964">
        <v>23.5</v>
      </c>
      <c r="E964">
        <v>456.52173913043498</v>
      </c>
    </row>
    <row r="965" spans="1:5" x14ac:dyDescent="0.25">
      <c r="A965">
        <v>57780</v>
      </c>
      <c r="B965">
        <f t="shared" si="15"/>
        <v>16.05</v>
      </c>
      <c r="C965">
        <v>98250</v>
      </c>
      <c r="D965">
        <v>23.5</v>
      </c>
      <c r="E965">
        <v>467.39130434782601</v>
      </c>
    </row>
    <row r="966" spans="1:5" x14ac:dyDescent="0.25">
      <c r="A966">
        <v>57840</v>
      </c>
      <c r="B966">
        <f t="shared" si="15"/>
        <v>16.066666666666666</v>
      </c>
      <c r="C966">
        <v>96800</v>
      </c>
      <c r="D966">
        <v>23.5</v>
      </c>
      <c r="E966">
        <v>478.26086956521698</v>
      </c>
    </row>
    <row r="967" spans="1:5" x14ac:dyDescent="0.25">
      <c r="A967">
        <v>57900</v>
      </c>
      <c r="B967">
        <f t="shared" si="15"/>
        <v>16.083333333333332</v>
      </c>
      <c r="C967">
        <v>96000</v>
      </c>
      <c r="D967">
        <v>23.5</v>
      </c>
      <c r="E967">
        <v>489.13043478260897</v>
      </c>
    </row>
    <row r="968" spans="1:5" x14ac:dyDescent="0.25">
      <c r="A968">
        <v>57960</v>
      </c>
      <c r="B968">
        <f t="shared" si="15"/>
        <v>16.100000000000001</v>
      </c>
      <c r="C968">
        <v>94150</v>
      </c>
      <c r="D968">
        <v>23.5</v>
      </c>
      <c r="E968">
        <v>500</v>
      </c>
    </row>
    <row r="969" spans="1:5" x14ac:dyDescent="0.25">
      <c r="A969">
        <v>58020</v>
      </c>
      <c r="B969">
        <f t="shared" si="15"/>
        <v>16.116666666666667</v>
      </c>
      <c r="C969">
        <v>92550</v>
      </c>
      <c r="D969">
        <v>23.4</v>
      </c>
      <c r="E969">
        <v>510.86956521739103</v>
      </c>
    </row>
    <row r="970" spans="1:5" x14ac:dyDescent="0.25">
      <c r="A970">
        <v>58080</v>
      </c>
      <c r="B970">
        <f t="shared" si="15"/>
        <v>16.133333333333333</v>
      </c>
      <c r="C970">
        <v>91149</v>
      </c>
      <c r="D970">
        <v>23.4</v>
      </c>
      <c r="E970">
        <v>521.73913043478296</v>
      </c>
    </row>
    <row r="971" spans="1:5" x14ac:dyDescent="0.25">
      <c r="A971">
        <v>58140</v>
      </c>
      <c r="B971">
        <f t="shared" si="15"/>
        <v>16.149999999999999</v>
      </c>
      <c r="C971">
        <v>89850</v>
      </c>
      <c r="D971">
        <v>23.4</v>
      </c>
      <c r="E971">
        <v>532.60869565217399</v>
      </c>
    </row>
    <row r="972" spans="1:5" x14ac:dyDescent="0.25">
      <c r="A972">
        <v>58200</v>
      </c>
      <c r="B972">
        <f t="shared" si="15"/>
        <v>16.166666666666668</v>
      </c>
      <c r="C972">
        <v>88250</v>
      </c>
      <c r="D972">
        <v>23.3</v>
      </c>
      <c r="E972">
        <v>543.47826086956502</v>
      </c>
    </row>
    <row r="973" spans="1:5" x14ac:dyDescent="0.25">
      <c r="A973">
        <v>58260</v>
      </c>
      <c r="B973">
        <f t="shared" si="15"/>
        <v>16.183333333333334</v>
      </c>
      <c r="C973">
        <v>87100</v>
      </c>
      <c r="D973">
        <v>23.4</v>
      </c>
      <c r="E973">
        <v>554.34782608695696</v>
      </c>
    </row>
    <row r="974" spans="1:5" x14ac:dyDescent="0.25">
      <c r="A974">
        <v>58320</v>
      </c>
      <c r="B974">
        <f t="shared" si="15"/>
        <v>16.2</v>
      </c>
      <c r="C974">
        <v>85650</v>
      </c>
      <c r="D974">
        <v>23.3</v>
      </c>
      <c r="E974">
        <v>565.21739130434798</v>
      </c>
    </row>
    <row r="975" spans="1:5" x14ac:dyDescent="0.25">
      <c r="A975">
        <v>58380</v>
      </c>
      <c r="B975">
        <f t="shared" si="15"/>
        <v>16.216666666666665</v>
      </c>
      <c r="C975">
        <v>85200</v>
      </c>
      <c r="D975">
        <v>23.3</v>
      </c>
      <c r="E975">
        <v>576.08695652173901</v>
      </c>
    </row>
    <row r="976" spans="1:5" x14ac:dyDescent="0.25">
      <c r="A976">
        <v>58440</v>
      </c>
      <c r="B976">
        <f t="shared" si="15"/>
        <v>16.233333333333334</v>
      </c>
      <c r="C976">
        <v>83600</v>
      </c>
      <c r="D976">
        <v>23.3</v>
      </c>
      <c r="E976">
        <v>586.95652173913095</v>
      </c>
    </row>
    <row r="977" spans="1:5" x14ac:dyDescent="0.25">
      <c r="A977">
        <v>58500</v>
      </c>
      <c r="B977">
        <f t="shared" si="15"/>
        <v>16.25</v>
      </c>
      <c r="C977">
        <v>82350</v>
      </c>
      <c r="D977">
        <v>23.3</v>
      </c>
      <c r="E977">
        <v>597.82608695652198</v>
      </c>
    </row>
    <row r="978" spans="1:5" x14ac:dyDescent="0.25">
      <c r="A978">
        <v>58560</v>
      </c>
      <c r="B978">
        <f t="shared" si="15"/>
        <v>16.266666666666666</v>
      </c>
      <c r="C978">
        <v>80450</v>
      </c>
      <c r="D978">
        <v>23.3</v>
      </c>
      <c r="E978">
        <v>608.695652173913</v>
      </c>
    </row>
    <row r="979" spans="1:5" x14ac:dyDescent="0.25">
      <c r="A979">
        <v>58620</v>
      </c>
      <c r="B979">
        <f t="shared" si="15"/>
        <v>16.283333333333335</v>
      </c>
      <c r="C979">
        <v>79200</v>
      </c>
      <c r="D979">
        <v>23.3</v>
      </c>
      <c r="E979">
        <v>619.56521739130403</v>
      </c>
    </row>
    <row r="980" spans="1:5" x14ac:dyDescent="0.25">
      <c r="A980">
        <v>58680</v>
      </c>
      <c r="B980">
        <f t="shared" si="15"/>
        <v>16.3</v>
      </c>
      <c r="C980">
        <v>77850</v>
      </c>
      <c r="D980">
        <v>23.3</v>
      </c>
      <c r="E980">
        <v>630.43478260869597</v>
      </c>
    </row>
    <row r="981" spans="1:5" x14ac:dyDescent="0.25">
      <c r="A981">
        <v>58740</v>
      </c>
      <c r="B981">
        <f t="shared" si="15"/>
        <v>16.316666666666666</v>
      </c>
      <c r="C981">
        <v>76200</v>
      </c>
      <c r="D981">
        <v>23.3</v>
      </c>
      <c r="E981">
        <v>641.304347826087</v>
      </c>
    </row>
    <row r="982" spans="1:5" x14ac:dyDescent="0.25">
      <c r="A982">
        <v>58800</v>
      </c>
      <c r="B982">
        <f t="shared" si="15"/>
        <v>16.333333333333332</v>
      </c>
      <c r="C982">
        <v>74950</v>
      </c>
      <c r="D982">
        <v>23.2</v>
      </c>
      <c r="E982">
        <v>652.17391304347802</v>
      </c>
    </row>
    <row r="983" spans="1:5" x14ac:dyDescent="0.25">
      <c r="A983">
        <v>58860</v>
      </c>
      <c r="B983">
        <f t="shared" si="15"/>
        <v>16.350000000000001</v>
      </c>
      <c r="C983">
        <v>74000</v>
      </c>
      <c r="D983">
        <v>23.1</v>
      </c>
      <c r="E983">
        <v>663.04347826086996</v>
      </c>
    </row>
    <row r="984" spans="1:5" x14ac:dyDescent="0.25">
      <c r="A984">
        <v>58920</v>
      </c>
      <c r="B984">
        <f t="shared" si="15"/>
        <v>16.366666666666667</v>
      </c>
      <c r="C984">
        <v>72650</v>
      </c>
      <c r="D984">
        <v>23</v>
      </c>
      <c r="E984">
        <v>673.91304347826099</v>
      </c>
    </row>
    <row r="985" spans="1:5" x14ac:dyDescent="0.25">
      <c r="A985">
        <v>58980</v>
      </c>
      <c r="B985">
        <f t="shared" si="15"/>
        <v>16.383333333333333</v>
      </c>
      <c r="C985">
        <v>71200</v>
      </c>
      <c r="D985">
        <v>23</v>
      </c>
      <c r="E985">
        <v>684.78260869565202</v>
      </c>
    </row>
    <row r="986" spans="1:5" x14ac:dyDescent="0.25">
      <c r="A986">
        <v>59040</v>
      </c>
      <c r="B986">
        <f t="shared" si="15"/>
        <v>16.399999999999999</v>
      </c>
      <c r="C986">
        <v>69400</v>
      </c>
      <c r="D986">
        <v>23</v>
      </c>
      <c r="E986">
        <v>695.65217391304395</v>
      </c>
    </row>
    <row r="987" spans="1:5" x14ac:dyDescent="0.25">
      <c r="A987">
        <v>59100</v>
      </c>
      <c r="B987">
        <f t="shared" si="15"/>
        <v>16.416666666666668</v>
      </c>
      <c r="C987">
        <v>67900</v>
      </c>
      <c r="D987">
        <v>22.9</v>
      </c>
      <c r="E987">
        <v>706.52173913043498</v>
      </c>
    </row>
    <row r="988" spans="1:5" x14ac:dyDescent="0.25">
      <c r="A988">
        <v>59160</v>
      </c>
      <c r="B988">
        <f t="shared" si="15"/>
        <v>16.433333333333334</v>
      </c>
      <c r="C988">
        <v>66150</v>
      </c>
      <c r="D988">
        <v>23</v>
      </c>
      <c r="E988">
        <v>717.39130434782601</v>
      </c>
    </row>
    <row r="989" spans="1:5" x14ac:dyDescent="0.25">
      <c r="A989">
        <v>59220</v>
      </c>
      <c r="B989">
        <f t="shared" si="15"/>
        <v>16.45</v>
      </c>
      <c r="C989">
        <v>64200</v>
      </c>
      <c r="D989">
        <v>23</v>
      </c>
      <c r="E989">
        <v>728.26086956521704</v>
      </c>
    </row>
    <row r="990" spans="1:5" x14ac:dyDescent="0.25">
      <c r="A990">
        <v>59280</v>
      </c>
      <c r="B990">
        <f t="shared" si="15"/>
        <v>16.466666666666665</v>
      </c>
      <c r="C990">
        <v>62750</v>
      </c>
      <c r="D990">
        <v>23</v>
      </c>
      <c r="E990">
        <v>739.13043478260897</v>
      </c>
    </row>
    <row r="991" spans="1:5" x14ac:dyDescent="0.25">
      <c r="A991">
        <v>59340</v>
      </c>
      <c r="B991">
        <f t="shared" si="15"/>
        <v>16.483333333333334</v>
      </c>
      <c r="C991">
        <v>61050</v>
      </c>
      <c r="D991">
        <v>23</v>
      </c>
      <c r="E991">
        <v>750</v>
      </c>
    </row>
    <row r="992" spans="1:5" x14ac:dyDescent="0.25">
      <c r="A992">
        <v>59400</v>
      </c>
      <c r="B992">
        <f t="shared" si="15"/>
        <v>16.5</v>
      </c>
      <c r="C992">
        <v>60100</v>
      </c>
      <c r="D992">
        <v>23</v>
      </c>
      <c r="E992">
        <v>760.86956521739103</v>
      </c>
    </row>
    <row r="993" spans="1:5" x14ac:dyDescent="0.25">
      <c r="A993">
        <v>59460</v>
      </c>
      <c r="B993">
        <f t="shared" si="15"/>
        <v>16.516666666666666</v>
      </c>
      <c r="C993">
        <v>58899</v>
      </c>
      <c r="D993">
        <v>23</v>
      </c>
      <c r="E993">
        <v>771.73913043478296</v>
      </c>
    </row>
    <row r="994" spans="1:5" x14ac:dyDescent="0.25">
      <c r="A994">
        <v>59520</v>
      </c>
      <c r="B994">
        <f t="shared" si="15"/>
        <v>16.533333333333335</v>
      </c>
      <c r="C994">
        <v>57400</v>
      </c>
      <c r="D994">
        <v>23.1</v>
      </c>
      <c r="E994">
        <v>782.60869565217399</v>
      </c>
    </row>
    <row r="995" spans="1:5" x14ac:dyDescent="0.25">
      <c r="A995">
        <v>59580</v>
      </c>
      <c r="B995">
        <f t="shared" si="15"/>
        <v>16.55</v>
      </c>
      <c r="C995">
        <v>56250</v>
      </c>
      <c r="D995">
        <v>23.1</v>
      </c>
      <c r="E995">
        <v>793.47826086956502</v>
      </c>
    </row>
    <row r="996" spans="1:5" x14ac:dyDescent="0.25">
      <c r="A996">
        <v>59640</v>
      </c>
      <c r="B996">
        <f t="shared" si="15"/>
        <v>16.566666666666666</v>
      </c>
      <c r="C996">
        <v>55000</v>
      </c>
      <c r="D996">
        <v>23.1</v>
      </c>
      <c r="E996">
        <v>804.34782608695696</v>
      </c>
    </row>
    <row r="997" spans="1:5" x14ac:dyDescent="0.25">
      <c r="A997">
        <v>59700</v>
      </c>
      <c r="B997">
        <f t="shared" si="15"/>
        <v>16.583333333333332</v>
      </c>
      <c r="C997">
        <v>54250</v>
      </c>
      <c r="D997">
        <v>23</v>
      </c>
      <c r="E997">
        <v>815.21739130434798</v>
      </c>
    </row>
    <row r="998" spans="1:5" x14ac:dyDescent="0.25">
      <c r="A998">
        <v>59760</v>
      </c>
      <c r="B998">
        <f t="shared" si="15"/>
        <v>16.600000000000001</v>
      </c>
      <c r="C998">
        <v>52850</v>
      </c>
      <c r="D998">
        <v>23</v>
      </c>
      <c r="E998">
        <v>826.08695652173901</v>
      </c>
    </row>
    <row r="999" spans="1:5" x14ac:dyDescent="0.25">
      <c r="A999">
        <v>59820</v>
      </c>
      <c r="B999">
        <f t="shared" si="15"/>
        <v>16.616666666666667</v>
      </c>
      <c r="C999">
        <v>51700</v>
      </c>
      <c r="D999">
        <v>22.9</v>
      </c>
      <c r="E999">
        <v>836.95652173913095</v>
      </c>
    </row>
    <row r="1000" spans="1:5" x14ac:dyDescent="0.25">
      <c r="A1000">
        <v>59880</v>
      </c>
      <c r="B1000">
        <f t="shared" si="15"/>
        <v>16.633333333333333</v>
      </c>
      <c r="C1000">
        <v>50400</v>
      </c>
      <c r="D1000">
        <v>23</v>
      </c>
      <c r="E1000">
        <v>847.82608695652198</v>
      </c>
    </row>
    <row r="1001" spans="1:5" x14ac:dyDescent="0.25">
      <c r="A1001">
        <v>59940</v>
      </c>
      <c r="B1001">
        <f t="shared" si="15"/>
        <v>16.649999999999999</v>
      </c>
      <c r="C1001">
        <v>49250</v>
      </c>
      <c r="D1001">
        <v>23</v>
      </c>
      <c r="E1001">
        <v>858.695652173913</v>
      </c>
    </row>
    <row r="1002" spans="1:5" x14ac:dyDescent="0.25">
      <c r="A1002">
        <v>60000</v>
      </c>
      <c r="B1002">
        <f t="shared" si="15"/>
        <v>16.666666666666668</v>
      </c>
      <c r="C1002">
        <v>48000</v>
      </c>
      <c r="D1002">
        <v>23</v>
      </c>
      <c r="E1002">
        <v>869.56521739130505</v>
      </c>
    </row>
    <row r="1003" spans="1:5" x14ac:dyDescent="0.25">
      <c r="A1003">
        <v>60060</v>
      </c>
      <c r="B1003">
        <f t="shared" si="15"/>
        <v>16.683333333333334</v>
      </c>
      <c r="C1003">
        <v>46600</v>
      </c>
      <c r="D1003">
        <v>23</v>
      </c>
      <c r="E1003">
        <v>880.43478260869597</v>
      </c>
    </row>
    <row r="1004" spans="1:5" x14ac:dyDescent="0.25">
      <c r="A1004">
        <v>60120</v>
      </c>
      <c r="B1004">
        <f t="shared" si="15"/>
        <v>16.7</v>
      </c>
      <c r="C1004">
        <v>45250</v>
      </c>
      <c r="D1004">
        <v>23</v>
      </c>
      <c r="E1004">
        <v>891.304347826087</v>
      </c>
    </row>
    <row r="1005" spans="1:5" x14ac:dyDescent="0.25">
      <c r="A1005">
        <v>60180</v>
      </c>
      <c r="B1005">
        <f t="shared" si="15"/>
        <v>16.716666666666665</v>
      </c>
      <c r="C1005">
        <v>44000</v>
      </c>
      <c r="D1005">
        <v>23</v>
      </c>
      <c r="E1005">
        <v>902.17391304347802</v>
      </c>
    </row>
    <row r="1006" spans="1:5" x14ac:dyDescent="0.25">
      <c r="A1006">
        <v>60240</v>
      </c>
      <c r="B1006">
        <f t="shared" si="15"/>
        <v>16.733333333333334</v>
      </c>
      <c r="C1006">
        <v>42500</v>
      </c>
      <c r="D1006">
        <v>23</v>
      </c>
      <c r="E1006">
        <v>913.04347826086996</v>
      </c>
    </row>
    <row r="1007" spans="1:5" x14ac:dyDescent="0.25">
      <c r="A1007">
        <v>60300</v>
      </c>
      <c r="B1007">
        <f t="shared" si="15"/>
        <v>16.75</v>
      </c>
      <c r="C1007">
        <v>41050</v>
      </c>
      <c r="D1007">
        <v>23</v>
      </c>
      <c r="E1007">
        <v>923.91304347826099</v>
      </c>
    </row>
    <row r="1008" spans="1:5" x14ac:dyDescent="0.25">
      <c r="A1008">
        <v>60360</v>
      </c>
      <c r="B1008">
        <f t="shared" si="15"/>
        <v>16.766666666666666</v>
      </c>
      <c r="C1008">
        <v>40000</v>
      </c>
      <c r="D1008">
        <v>23</v>
      </c>
      <c r="E1008">
        <v>934.78260869565202</v>
      </c>
    </row>
    <row r="1009" spans="1:5" x14ac:dyDescent="0.25">
      <c r="A1009">
        <v>60420</v>
      </c>
      <c r="B1009">
        <f t="shared" si="15"/>
        <v>16.783333333333335</v>
      </c>
      <c r="C1009">
        <v>38699</v>
      </c>
      <c r="D1009">
        <v>23</v>
      </c>
      <c r="E1009">
        <v>945.65217391304395</v>
      </c>
    </row>
    <row r="1010" spans="1:5" x14ac:dyDescent="0.25">
      <c r="A1010">
        <v>60480</v>
      </c>
      <c r="B1010">
        <f t="shared" si="15"/>
        <v>16.8</v>
      </c>
      <c r="C1010">
        <v>37650</v>
      </c>
      <c r="D1010">
        <v>23.1</v>
      </c>
      <c r="E1010">
        <v>956.52173913043498</v>
      </c>
    </row>
    <row r="1011" spans="1:5" x14ac:dyDescent="0.25">
      <c r="A1011">
        <v>60540</v>
      </c>
      <c r="B1011">
        <f t="shared" si="15"/>
        <v>16.816666666666666</v>
      </c>
      <c r="C1011">
        <v>36250</v>
      </c>
      <c r="D1011">
        <v>23</v>
      </c>
      <c r="E1011">
        <v>967.39130434782601</v>
      </c>
    </row>
    <row r="1012" spans="1:5" x14ac:dyDescent="0.25">
      <c r="A1012">
        <v>60600</v>
      </c>
      <c r="B1012">
        <f t="shared" si="15"/>
        <v>16.833333333333332</v>
      </c>
      <c r="C1012">
        <v>34750</v>
      </c>
      <c r="D1012">
        <v>22.9</v>
      </c>
      <c r="E1012">
        <v>978.26086956521794</v>
      </c>
    </row>
    <row r="1013" spans="1:5" x14ac:dyDescent="0.25">
      <c r="A1013">
        <v>60660</v>
      </c>
      <c r="B1013">
        <f t="shared" si="15"/>
        <v>16.850000000000001</v>
      </c>
      <c r="C1013">
        <v>33100</v>
      </c>
      <c r="D1013">
        <v>22.9</v>
      </c>
      <c r="E1013">
        <v>989.13043478260897</v>
      </c>
    </row>
    <row r="1014" spans="1:5" x14ac:dyDescent="0.25">
      <c r="A1014">
        <v>60720</v>
      </c>
      <c r="B1014">
        <f t="shared" si="15"/>
        <v>16.866666666666667</v>
      </c>
      <c r="C1014">
        <v>31950</v>
      </c>
      <c r="D1014">
        <v>22.8</v>
      </c>
      <c r="E1014">
        <v>1000</v>
      </c>
    </row>
    <row r="1015" spans="1:5" x14ac:dyDescent="0.25">
      <c r="A1015">
        <v>60780</v>
      </c>
      <c r="B1015">
        <f t="shared" si="15"/>
        <v>16.883333333333333</v>
      </c>
      <c r="C1015">
        <v>30699</v>
      </c>
      <c r="D1015">
        <v>22.8</v>
      </c>
      <c r="E1015">
        <v>1010.86956521739</v>
      </c>
    </row>
    <row r="1016" spans="1:5" x14ac:dyDescent="0.25">
      <c r="A1016">
        <v>60840</v>
      </c>
      <c r="B1016">
        <f t="shared" si="15"/>
        <v>16.899999999999999</v>
      </c>
      <c r="C1016">
        <v>29350</v>
      </c>
      <c r="D1016">
        <v>22.8</v>
      </c>
      <c r="E1016">
        <v>1021.73913043478</v>
      </c>
    </row>
    <row r="1017" spans="1:5" x14ac:dyDescent="0.25">
      <c r="A1017">
        <v>60900</v>
      </c>
      <c r="B1017">
        <f t="shared" si="15"/>
        <v>16.916666666666668</v>
      </c>
      <c r="C1017">
        <v>27999</v>
      </c>
      <c r="D1017">
        <v>22.8</v>
      </c>
      <c r="E1017">
        <v>1032.6086956521699</v>
      </c>
    </row>
    <row r="1018" spans="1:5" x14ac:dyDescent="0.25">
      <c r="A1018">
        <v>60960</v>
      </c>
      <c r="B1018">
        <f t="shared" si="15"/>
        <v>16.933333333333334</v>
      </c>
      <c r="C1018">
        <v>27000</v>
      </c>
      <c r="D1018">
        <v>22.8</v>
      </c>
      <c r="E1018">
        <v>1043.47826086957</v>
      </c>
    </row>
    <row r="1019" spans="1:5" x14ac:dyDescent="0.25">
      <c r="A1019">
        <v>61020</v>
      </c>
      <c r="B1019">
        <f t="shared" si="15"/>
        <v>16.95</v>
      </c>
      <c r="C1019">
        <v>26000</v>
      </c>
      <c r="D1019">
        <v>22.8</v>
      </c>
      <c r="E1019">
        <v>1054.3478260869599</v>
      </c>
    </row>
    <row r="1020" spans="1:5" x14ac:dyDescent="0.25">
      <c r="A1020">
        <v>61080</v>
      </c>
      <c r="B1020">
        <f t="shared" si="15"/>
        <v>16.966666666666665</v>
      </c>
      <c r="C1020">
        <v>24800</v>
      </c>
      <c r="D1020">
        <v>22.8</v>
      </c>
      <c r="E1020">
        <v>1065.21739130435</v>
      </c>
    </row>
    <row r="1021" spans="1:5" x14ac:dyDescent="0.25">
      <c r="A1021">
        <v>61140</v>
      </c>
      <c r="B1021">
        <f t="shared" si="15"/>
        <v>16.983333333333334</v>
      </c>
      <c r="C1021">
        <v>23950</v>
      </c>
      <c r="D1021">
        <v>22.8</v>
      </c>
      <c r="E1021">
        <v>1076.0869565217399</v>
      </c>
    </row>
    <row r="1022" spans="1:5" x14ac:dyDescent="0.25">
      <c r="A1022">
        <v>61200</v>
      </c>
      <c r="B1022">
        <f t="shared" si="15"/>
        <v>17</v>
      </c>
      <c r="C1022">
        <v>23000</v>
      </c>
      <c r="D1022">
        <v>22.8</v>
      </c>
      <c r="E1022">
        <v>1086.95652173913</v>
      </c>
    </row>
    <row r="1023" spans="1:5" x14ac:dyDescent="0.25">
      <c r="A1023">
        <v>61260</v>
      </c>
      <c r="B1023">
        <f t="shared" si="15"/>
        <v>17.016666666666666</v>
      </c>
      <c r="C1023">
        <v>22050</v>
      </c>
      <c r="D1023">
        <v>22.7</v>
      </c>
      <c r="E1023">
        <v>1101.4492753623199</v>
      </c>
    </row>
    <row r="1024" spans="1:5" x14ac:dyDescent="0.25">
      <c r="A1024">
        <v>61320</v>
      </c>
      <c r="B1024">
        <f t="shared" si="15"/>
        <v>17.033333333333335</v>
      </c>
      <c r="C1024">
        <v>21250</v>
      </c>
      <c r="D1024">
        <v>22.6</v>
      </c>
      <c r="E1024">
        <v>1115.94202898551</v>
      </c>
    </row>
    <row r="1025" spans="1:5" x14ac:dyDescent="0.25">
      <c r="A1025">
        <v>61380</v>
      </c>
      <c r="B1025">
        <f t="shared" si="15"/>
        <v>17.05</v>
      </c>
      <c r="C1025">
        <v>20350</v>
      </c>
      <c r="D1025">
        <v>22.6</v>
      </c>
      <c r="E1025">
        <v>1130.4347826087001</v>
      </c>
    </row>
    <row r="1026" spans="1:5" x14ac:dyDescent="0.25">
      <c r="A1026">
        <v>61440</v>
      </c>
      <c r="B1026">
        <f t="shared" si="15"/>
        <v>17.066666666666666</v>
      </c>
      <c r="C1026">
        <v>19300</v>
      </c>
      <c r="D1026">
        <v>22.6</v>
      </c>
      <c r="E1026">
        <v>1144.9275362318799</v>
      </c>
    </row>
    <row r="1027" spans="1:5" x14ac:dyDescent="0.25">
      <c r="A1027">
        <v>61500</v>
      </c>
      <c r="B1027">
        <f t="shared" ref="B1027:B1090" si="16">A1027/3600</f>
        <v>17.083333333333332</v>
      </c>
      <c r="C1027">
        <v>18599</v>
      </c>
      <c r="D1027">
        <v>22.6</v>
      </c>
      <c r="E1027">
        <v>1159.42028985507</v>
      </c>
    </row>
    <row r="1028" spans="1:5" x14ac:dyDescent="0.25">
      <c r="A1028">
        <v>61560</v>
      </c>
      <c r="B1028">
        <f t="shared" si="16"/>
        <v>17.100000000000001</v>
      </c>
      <c r="C1028">
        <v>17250</v>
      </c>
      <c r="D1028">
        <v>22.6</v>
      </c>
      <c r="E1028">
        <v>1173.9130434782601</v>
      </c>
    </row>
    <row r="1029" spans="1:5" x14ac:dyDescent="0.25">
      <c r="A1029">
        <v>61620</v>
      </c>
      <c r="B1029">
        <f t="shared" si="16"/>
        <v>17.116666666666667</v>
      </c>
      <c r="C1029">
        <v>16400</v>
      </c>
      <c r="D1029">
        <v>22.6</v>
      </c>
      <c r="E1029">
        <v>1188.4057971014499</v>
      </c>
    </row>
    <row r="1030" spans="1:5" x14ac:dyDescent="0.25">
      <c r="A1030">
        <v>61680</v>
      </c>
      <c r="B1030">
        <f t="shared" si="16"/>
        <v>17.133333333333333</v>
      </c>
      <c r="C1030">
        <v>15600</v>
      </c>
      <c r="D1030">
        <v>22.5</v>
      </c>
      <c r="E1030">
        <v>1202.89855072464</v>
      </c>
    </row>
    <row r="1031" spans="1:5" x14ac:dyDescent="0.25">
      <c r="A1031">
        <v>61740</v>
      </c>
      <c r="B1031">
        <f t="shared" si="16"/>
        <v>17.149999999999999</v>
      </c>
      <c r="C1031">
        <v>14900</v>
      </c>
      <c r="D1031">
        <v>22.5</v>
      </c>
      <c r="E1031">
        <v>1217.3913043478301</v>
      </c>
    </row>
    <row r="1032" spans="1:5" x14ac:dyDescent="0.25">
      <c r="A1032">
        <v>61800</v>
      </c>
      <c r="B1032">
        <f t="shared" si="16"/>
        <v>17.166666666666668</v>
      </c>
      <c r="C1032">
        <v>14150</v>
      </c>
      <c r="D1032">
        <v>22.4</v>
      </c>
      <c r="E1032">
        <v>1231.88405797101</v>
      </c>
    </row>
    <row r="1033" spans="1:5" x14ac:dyDescent="0.25">
      <c r="A1033">
        <v>61860</v>
      </c>
      <c r="B1033">
        <f t="shared" si="16"/>
        <v>17.183333333333334</v>
      </c>
      <c r="C1033">
        <v>13549</v>
      </c>
      <c r="D1033">
        <v>22.4</v>
      </c>
      <c r="E1033">
        <v>1246.3768115942</v>
      </c>
    </row>
    <row r="1034" spans="1:5" x14ac:dyDescent="0.25">
      <c r="A1034">
        <v>61920</v>
      </c>
      <c r="B1034">
        <f t="shared" si="16"/>
        <v>17.2</v>
      </c>
      <c r="C1034">
        <v>13150</v>
      </c>
      <c r="D1034">
        <v>22.4</v>
      </c>
      <c r="E1034">
        <v>1260.8695652173899</v>
      </c>
    </row>
    <row r="1035" spans="1:5" x14ac:dyDescent="0.25">
      <c r="A1035">
        <v>61980</v>
      </c>
      <c r="B1035">
        <f t="shared" si="16"/>
        <v>17.216666666666665</v>
      </c>
      <c r="C1035">
        <v>12549</v>
      </c>
      <c r="D1035">
        <v>22.3</v>
      </c>
      <c r="E1035">
        <v>1275.36231884058</v>
      </c>
    </row>
    <row r="1036" spans="1:5" x14ac:dyDescent="0.25">
      <c r="A1036">
        <v>62040</v>
      </c>
      <c r="B1036">
        <f t="shared" si="16"/>
        <v>17.233333333333334</v>
      </c>
      <c r="C1036">
        <v>12000</v>
      </c>
      <c r="D1036">
        <v>22.3</v>
      </c>
      <c r="E1036">
        <v>1289.8550724637701</v>
      </c>
    </row>
    <row r="1037" spans="1:5" x14ac:dyDescent="0.25">
      <c r="A1037">
        <v>62100</v>
      </c>
      <c r="B1037">
        <f t="shared" si="16"/>
        <v>17.25</v>
      </c>
      <c r="C1037">
        <v>11599</v>
      </c>
      <c r="D1037">
        <v>22.2</v>
      </c>
      <c r="E1037">
        <v>1304.3478260869599</v>
      </c>
    </row>
    <row r="1038" spans="1:5" x14ac:dyDescent="0.25">
      <c r="A1038">
        <v>62160</v>
      </c>
      <c r="B1038">
        <f t="shared" si="16"/>
        <v>17.266666666666666</v>
      </c>
      <c r="C1038">
        <v>11200</v>
      </c>
      <c r="D1038">
        <v>22.2</v>
      </c>
      <c r="E1038">
        <v>1318.84057971015</v>
      </c>
    </row>
    <row r="1039" spans="1:5" x14ac:dyDescent="0.25">
      <c r="A1039">
        <v>62220</v>
      </c>
      <c r="B1039">
        <f t="shared" si="16"/>
        <v>17.283333333333335</v>
      </c>
      <c r="C1039">
        <v>10550</v>
      </c>
      <c r="D1039">
        <v>22.2</v>
      </c>
      <c r="E1039">
        <v>1333.3333333333301</v>
      </c>
    </row>
    <row r="1040" spans="1:5" x14ac:dyDescent="0.25">
      <c r="A1040">
        <v>62280</v>
      </c>
      <c r="B1040">
        <f t="shared" si="16"/>
        <v>17.3</v>
      </c>
      <c r="C1040">
        <v>10200</v>
      </c>
      <c r="D1040">
        <v>22.2</v>
      </c>
      <c r="E1040">
        <v>1347.8260869565199</v>
      </c>
    </row>
    <row r="1041" spans="1:5" x14ac:dyDescent="0.25">
      <c r="A1041">
        <v>62340</v>
      </c>
      <c r="B1041">
        <f t="shared" si="16"/>
        <v>17.316666666666666</v>
      </c>
      <c r="C1041">
        <v>9750</v>
      </c>
      <c r="D1041">
        <v>22.2</v>
      </c>
      <c r="E1041">
        <v>1362.31884057971</v>
      </c>
    </row>
    <row r="1042" spans="1:5" x14ac:dyDescent="0.25">
      <c r="A1042">
        <v>62400</v>
      </c>
      <c r="B1042">
        <f t="shared" si="16"/>
        <v>17.333333333333332</v>
      </c>
      <c r="C1042">
        <v>9349</v>
      </c>
      <c r="D1042">
        <v>22.2</v>
      </c>
      <c r="E1042">
        <v>1376.8115942029001</v>
      </c>
    </row>
    <row r="1043" spans="1:5" x14ac:dyDescent="0.25">
      <c r="A1043">
        <v>62460</v>
      </c>
      <c r="B1043">
        <f t="shared" si="16"/>
        <v>17.350000000000001</v>
      </c>
      <c r="C1043">
        <v>9000</v>
      </c>
      <c r="D1043">
        <v>22.2</v>
      </c>
      <c r="E1043">
        <v>1391.30434782609</v>
      </c>
    </row>
    <row r="1044" spans="1:5" x14ac:dyDescent="0.25">
      <c r="A1044">
        <v>62520</v>
      </c>
      <c r="B1044">
        <f t="shared" si="16"/>
        <v>17.366666666666667</v>
      </c>
      <c r="C1044">
        <v>8550</v>
      </c>
      <c r="D1044">
        <v>22.2</v>
      </c>
      <c r="E1044">
        <v>1405.79710144928</v>
      </c>
    </row>
    <row r="1045" spans="1:5" x14ac:dyDescent="0.25">
      <c r="A1045">
        <v>62580</v>
      </c>
      <c r="B1045">
        <f t="shared" si="16"/>
        <v>17.383333333333333</v>
      </c>
      <c r="C1045">
        <v>8350</v>
      </c>
      <c r="D1045">
        <v>22.2</v>
      </c>
      <c r="E1045">
        <v>1420.2898550724599</v>
      </c>
    </row>
    <row r="1046" spans="1:5" x14ac:dyDescent="0.25">
      <c r="A1046">
        <v>62640</v>
      </c>
      <c r="B1046">
        <f t="shared" si="16"/>
        <v>17.399999999999999</v>
      </c>
      <c r="C1046">
        <v>7850</v>
      </c>
      <c r="D1046">
        <v>22.2</v>
      </c>
      <c r="E1046">
        <v>1434.78260869565</v>
      </c>
    </row>
    <row r="1047" spans="1:5" x14ac:dyDescent="0.25">
      <c r="A1047">
        <v>62700</v>
      </c>
      <c r="B1047">
        <f t="shared" si="16"/>
        <v>17.416666666666668</v>
      </c>
      <c r="C1047">
        <v>7700</v>
      </c>
      <c r="D1047">
        <v>22.2</v>
      </c>
      <c r="E1047">
        <v>1449.2753623188401</v>
      </c>
    </row>
    <row r="1048" spans="1:5" x14ac:dyDescent="0.25">
      <c r="A1048">
        <v>62760</v>
      </c>
      <c r="B1048">
        <f t="shared" si="16"/>
        <v>17.433333333333334</v>
      </c>
      <c r="C1048">
        <v>7250</v>
      </c>
      <c r="D1048">
        <v>22.2</v>
      </c>
      <c r="E1048">
        <v>1463.7681159420299</v>
      </c>
    </row>
    <row r="1049" spans="1:5" x14ac:dyDescent="0.25">
      <c r="A1049">
        <v>62820</v>
      </c>
      <c r="B1049">
        <f t="shared" si="16"/>
        <v>17.45</v>
      </c>
      <c r="C1049">
        <v>6700</v>
      </c>
      <c r="D1049">
        <v>22.2</v>
      </c>
      <c r="E1049">
        <v>1478.26086956522</v>
      </c>
    </row>
    <row r="1050" spans="1:5" x14ac:dyDescent="0.25">
      <c r="A1050">
        <v>62880</v>
      </c>
      <c r="B1050">
        <f t="shared" si="16"/>
        <v>17.466666666666665</v>
      </c>
      <c r="C1050">
        <v>6549</v>
      </c>
      <c r="D1050">
        <v>22.1</v>
      </c>
      <c r="E1050">
        <v>1492.7536231884101</v>
      </c>
    </row>
    <row r="1051" spans="1:5" x14ac:dyDescent="0.25">
      <c r="A1051">
        <v>62940</v>
      </c>
      <c r="B1051">
        <f t="shared" si="16"/>
        <v>17.483333333333334</v>
      </c>
      <c r="C1051">
        <v>6200</v>
      </c>
      <c r="D1051">
        <v>22.1</v>
      </c>
      <c r="E1051">
        <v>1507.2463768115899</v>
      </c>
    </row>
    <row r="1052" spans="1:5" x14ac:dyDescent="0.25">
      <c r="A1052">
        <v>63000</v>
      </c>
      <c r="B1052">
        <f t="shared" si="16"/>
        <v>17.5</v>
      </c>
      <c r="C1052">
        <v>5799</v>
      </c>
      <c r="D1052">
        <v>22</v>
      </c>
      <c r="E1052">
        <v>1521.73913043478</v>
      </c>
    </row>
    <row r="1053" spans="1:5" x14ac:dyDescent="0.25">
      <c r="A1053">
        <v>63060</v>
      </c>
      <c r="B1053">
        <f t="shared" si="16"/>
        <v>17.516666666666666</v>
      </c>
      <c r="C1053">
        <v>5550</v>
      </c>
      <c r="D1053">
        <v>22</v>
      </c>
      <c r="E1053">
        <v>1536.2318840579701</v>
      </c>
    </row>
    <row r="1054" spans="1:5" x14ac:dyDescent="0.25">
      <c r="A1054">
        <v>63120</v>
      </c>
      <c r="B1054">
        <f t="shared" si="16"/>
        <v>17.533333333333335</v>
      </c>
      <c r="C1054">
        <v>5350</v>
      </c>
      <c r="D1054">
        <v>22</v>
      </c>
      <c r="E1054">
        <v>1550.7246376811599</v>
      </c>
    </row>
    <row r="1055" spans="1:5" x14ac:dyDescent="0.25">
      <c r="A1055">
        <v>63180</v>
      </c>
      <c r="B1055">
        <f t="shared" si="16"/>
        <v>17.55</v>
      </c>
      <c r="C1055">
        <v>4900</v>
      </c>
      <c r="D1055">
        <v>22</v>
      </c>
      <c r="E1055">
        <v>1565.21739130435</v>
      </c>
    </row>
    <row r="1056" spans="1:5" x14ac:dyDescent="0.25">
      <c r="A1056">
        <v>63240</v>
      </c>
      <c r="B1056">
        <f t="shared" si="16"/>
        <v>17.566666666666666</v>
      </c>
      <c r="C1056">
        <v>4850</v>
      </c>
      <c r="D1056">
        <v>21.9</v>
      </c>
      <c r="E1056">
        <v>1579.7101449275401</v>
      </c>
    </row>
    <row r="1057" spans="1:5" x14ac:dyDescent="0.25">
      <c r="A1057">
        <v>63300</v>
      </c>
      <c r="B1057">
        <f t="shared" si="16"/>
        <v>17.583333333333332</v>
      </c>
      <c r="C1057">
        <v>4400</v>
      </c>
      <c r="D1057">
        <v>21.9</v>
      </c>
      <c r="E1057">
        <v>1594.20289855072</v>
      </c>
    </row>
    <row r="1058" spans="1:5" x14ac:dyDescent="0.25">
      <c r="A1058">
        <v>63360</v>
      </c>
      <c r="B1058">
        <f t="shared" si="16"/>
        <v>17.600000000000001</v>
      </c>
      <c r="C1058">
        <v>4200</v>
      </c>
      <c r="D1058">
        <v>21.9</v>
      </c>
      <c r="E1058">
        <v>1608.69565217391</v>
      </c>
    </row>
    <row r="1059" spans="1:5" x14ac:dyDescent="0.25">
      <c r="A1059">
        <v>63420</v>
      </c>
      <c r="B1059">
        <f t="shared" si="16"/>
        <v>17.616666666666667</v>
      </c>
      <c r="C1059">
        <v>3750</v>
      </c>
      <c r="D1059">
        <v>21.9</v>
      </c>
      <c r="E1059">
        <v>1623.1884057970999</v>
      </c>
    </row>
    <row r="1060" spans="1:5" x14ac:dyDescent="0.25">
      <c r="A1060">
        <v>63480</v>
      </c>
      <c r="B1060">
        <f t="shared" si="16"/>
        <v>17.633333333333333</v>
      </c>
      <c r="C1060">
        <v>3550</v>
      </c>
      <c r="D1060">
        <v>21.8</v>
      </c>
      <c r="E1060">
        <v>1637.68115942029</v>
      </c>
    </row>
    <row r="1061" spans="1:5" x14ac:dyDescent="0.25">
      <c r="A1061">
        <v>63540</v>
      </c>
      <c r="B1061">
        <f t="shared" si="16"/>
        <v>17.649999999999999</v>
      </c>
      <c r="C1061">
        <v>3600</v>
      </c>
      <c r="D1061">
        <v>21.8</v>
      </c>
      <c r="E1061">
        <v>1652.1739130434801</v>
      </c>
    </row>
    <row r="1062" spans="1:5" x14ac:dyDescent="0.25">
      <c r="A1062">
        <v>63600</v>
      </c>
      <c r="B1062">
        <f t="shared" si="16"/>
        <v>17.666666666666668</v>
      </c>
      <c r="C1062">
        <v>3350</v>
      </c>
      <c r="D1062">
        <v>21.8</v>
      </c>
      <c r="E1062">
        <v>1666.6666666666699</v>
      </c>
    </row>
    <row r="1063" spans="1:5" x14ac:dyDescent="0.25">
      <c r="A1063">
        <v>63660</v>
      </c>
      <c r="B1063">
        <f t="shared" si="16"/>
        <v>17.683333333333334</v>
      </c>
      <c r="C1063">
        <v>3150</v>
      </c>
      <c r="D1063">
        <v>21.8</v>
      </c>
      <c r="E1063">
        <v>1681.15942028986</v>
      </c>
    </row>
    <row r="1064" spans="1:5" x14ac:dyDescent="0.25">
      <c r="A1064">
        <v>63720</v>
      </c>
      <c r="B1064">
        <f t="shared" si="16"/>
        <v>17.7</v>
      </c>
      <c r="C1064">
        <v>2899</v>
      </c>
      <c r="D1064">
        <v>21.8</v>
      </c>
      <c r="E1064">
        <v>1695.6521739130401</v>
      </c>
    </row>
    <row r="1065" spans="1:5" x14ac:dyDescent="0.25">
      <c r="A1065">
        <v>63780</v>
      </c>
      <c r="B1065">
        <f t="shared" si="16"/>
        <v>17.716666666666665</v>
      </c>
      <c r="C1065">
        <v>2700</v>
      </c>
      <c r="D1065">
        <v>21.7</v>
      </c>
      <c r="E1065">
        <v>1710.1449275362299</v>
      </c>
    </row>
    <row r="1066" spans="1:5" x14ac:dyDescent="0.25">
      <c r="A1066">
        <v>63840</v>
      </c>
      <c r="B1066">
        <f t="shared" si="16"/>
        <v>17.733333333333334</v>
      </c>
      <c r="C1066">
        <v>2400</v>
      </c>
      <c r="D1066">
        <v>21.7</v>
      </c>
      <c r="E1066">
        <v>1724.63768115942</v>
      </c>
    </row>
    <row r="1067" spans="1:5" x14ac:dyDescent="0.25">
      <c r="A1067">
        <v>63900</v>
      </c>
      <c r="B1067">
        <f t="shared" si="16"/>
        <v>17.75</v>
      </c>
      <c r="C1067">
        <v>2300</v>
      </c>
      <c r="D1067">
        <v>21.7</v>
      </c>
      <c r="E1067">
        <v>1739.1304347826101</v>
      </c>
    </row>
    <row r="1068" spans="1:5" x14ac:dyDescent="0.25">
      <c r="A1068">
        <v>63960</v>
      </c>
      <c r="B1068">
        <f t="shared" si="16"/>
        <v>17.766666666666666</v>
      </c>
      <c r="C1068">
        <v>2100</v>
      </c>
      <c r="D1068">
        <v>21.7</v>
      </c>
      <c r="E1068">
        <v>1753.6231884058</v>
      </c>
    </row>
    <row r="1069" spans="1:5" x14ac:dyDescent="0.25">
      <c r="A1069">
        <v>64020</v>
      </c>
      <c r="B1069">
        <f t="shared" si="16"/>
        <v>17.783333333333335</v>
      </c>
      <c r="C1069">
        <v>1750</v>
      </c>
      <c r="D1069">
        <v>21.7</v>
      </c>
      <c r="E1069">
        <v>1768.11594202899</v>
      </c>
    </row>
    <row r="1070" spans="1:5" x14ac:dyDescent="0.25">
      <c r="A1070">
        <v>64080</v>
      </c>
      <c r="B1070">
        <f t="shared" si="16"/>
        <v>17.8</v>
      </c>
      <c r="C1070">
        <v>1600</v>
      </c>
      <c r="D1070">
        <v>21.7</v>
      </c>
      <c r="E1070">
        <v>1782.6086956521699</v>
      </c>
    </row>
    <row r="1071" spans="1:5" x14ac:dyDescent="0.25">
      <c r="A1071">
        <v>64140</v>
      </c>
      <c r="B1071">
        <f t="shared" si="16"/>
        <v>17.816666666666666</v>
      </c>
      <c r="C1071">
        <v>1450</v>
      </c>
      <c r="D1071">
        <v>21.6</v>
      </c>
      <c r="E1071">
        <v>1797.10144927536</v>
      </c>
    </row>
    <row r="1072" spans="1:5" x14ac:dyDescent="0.25">
      <c r="A1072">
        <v>64200</v>
      </c>
      <c r="B1072">
        <f t="shared" si="16"/>
        <v>17.833333333333332</v>
      </c>
      <c r="C1072">
        <v>1100</v>
      </c>
      <c r="D1072">
        <v>21.6</v>
      </c>
      <c r="E1072">
        <v>1811.5942028985501</v>
      </c>
    </row>
    <row r="1073" spans="1:5" x14ac:dyDescent="0.25">
      <c r="A1073">
        <v>64260</v>
      </c>
      <c r="B1073">
        <f t="shared" si="16"/>
        <v>17.850000000000001</v>
      </c>
      <c r="C1073">
        <v>1000</v>
      </c>
      <c r="D1073">
        <v>21.6</v>
      </c>
      <c r="E1073">
        <v>1826.0869565217399</v>
      </c>
    </row>
    <row r="1074" spans="1:5" x14ac:dyDescent="0.25">
      <c r="A1074">
        <v>64320</v>
      </c>
      <c r="B1074">
        <f t="shared" si="16"/>
        <v>17.866666666666667</v>
      </c>
      <c r="C1074">
        <v>900</v>
      </c>
      <c r="D1074">
        <v>21.5</v>
      </c>
      <c r="E1074">
        <v>1840.57971014493</v>
      </c>
    </row>
    <row r="1075" spans="1:5" x14ac:dyDescent="0.25">
      <c r="A1075">
        <v>64380</v>
      </c>
      <c r="B1075">
        <f t="shared" si="16"/>
        <v>17.883333333333333</v>
      </c>
      <c r="C1075">
        <v>599</v>
      </c>
      <c r="D1075">
        <v>21.5</v>
      </c>
      <c r="E1075">
        <v>1855.0724637681201</v>
      </c>
    </row>
    <row r="1076" spans="1:5" x14ac:dyDescent="0.25">
      <c r="A1076">
        <v>64440</v>
      </c>
      <c r="B1076">
        <f t="shared" si="16"/>
        <v>17.899999999999999</v>
      </c>
      <c r="C1076">
        <v>550</v>
      </c>
      <c r="D1076">
        <v>21.5</v>
      </c>
      <c r="E1076">
        <v>1869.5652173912999</v>
      </c>
    </row>
    <row r="1077" spans="1:5" x14ac:dyDescent="0.25">
      <c r="A1077">
        <v>64500</v>
      </c>
      <c r="B1077">
        <f t="shared" si="16"/>
        <v>17.916666666666668</v>
      </c>
      <c r="C1077">
        <v>449</v>
      </c>
      <c r="D1077">
        <v>21.5</v>
      </c>
      <c r="E1077">
        <v>1884.05797101449</v>
      </c>
    </row>
    <row r="1078" spans="1:5" x14ac:dyDescent="0.25">
      <c r="A1078">
        <v>64560</v>
      </c>
      <c r="B1078">
        <f t="shared" si="16"/>
        <v>17.933333333333334</v>
      </c>
      <c r="C1078">
        <v>299</v>
      </c>
      <c r="D1078">
        <v>21.5</v>
      </c>
      <c r="E1078">
        <v>1898.5507246376801</v>
      </c>
    </row>
    <row r="1079" spans="1:5" x14ac:dyDescent="0.25">
      <c r="A1079">
        <v>64620</v>
      </c>
      <c r="B1079">
        <f t="shared" si="16"/>
        <v>17.95</v>
      </c>
      <c r="C1079">
        <v>200</v>
      </c>
      <c r="D1079">
        <v>21.5</v>
      </c>
      <c r="E1079">
        <v>1913.04347826087</v>
      </c>
    </row>
    <row r="1080" spans="1:5" x14ac:dyDescent="0.25">
      <c r="A1080">
        <v>64680</v>
      </c>
      <c r="B1080">
        <f t="shared" si="16"/>
        <v>17.966666666666665</v>
      </c>
      <c r="C1080">
        <v>0</v>
      </c>
      <c r="D1080">
        <v>21.4</v>
      </c>
      <c r="E1080">
        <v>1927.53623188406</v>
      </c>
    </row>
    <row r="1081" spans="1:5" x14ac:dyDescent="0.25">
      <c r="A1081">
        <v>64740</v>
      </c>
      <c r="B1081">
        <f t="shared" si="16"/>
        <v>17.983333333333334</v>
      </c>
      <c r="C1081">
        <v>0</v>
      </c>
      <c r="D1081">
        <v>21.4</v>
      </c>
      <c r="E1081">
        <v>1942.0289855072499</v>
      </c>
    </row>
    <row r="1082" spans="1:5" x14ac:dyDescent="0.25">
      <c r="A1082">
        <v>64800</v>
      </c>
      <c r="B1082">
        <f t="shared" si="16"/>
        <v>18</v>
      </c>
      <c r="C1082">
        <v>0</v>
      </c>
      <c r="D1082">
        <v>21.4</v>
      </c>
      <c r="E1082">
        <v>1956.52173913044</v>
      </c>
    </row>
    <row r="1083" spans="1:5" x14ac:dyDescent="0.25">
      <c r="A1083">
        <v>64860</v>
      </c>
      <c r="B1083">
        <f t="shared" si="16"/>
        <v>18.016666666666666</v>
      </c>
      <c r="C1083">
        <v>0</v>
      </c>
      <c r="D1083">
        <v>21.4</v>
      </c>
      <c r="E1083">
        <v>1965.57971014493</v>
      </c>
    </row>
    <row r="1084" spans="1:5" x14ac:dyDescent="0.25">
      <c r="A1084">
        <v>64920</v>
      </c>
      <c r="B1084">
        <f t="shared" si="16"/>
        <v>18.033333333333335</v>
      </c>
      <c r="C1084">
        <v>0</v>
      </c>
      <c r="D1084">
        <v>21.4</v>
      </c>
      <c r="E1084">
        <v>1974.63768115942</v>
      </c>
    </row>
    <row r="1085" spans="1:5" x14ac:dyDescent="0.25">
      <c r="A1085">
        <v>64980</v>
      </c>
      <c r="B1085">
        <f t="shared" si="16"/>
        <v>18.05</v>
      </c>
      <c r="C1085">
        <v>0</v>
      </c>
      <c r="D1085">
        <v>21.4</v>
      </c>
      <c r="E1085">
        <v>1983.69565217391</v>
      </c>
    </row>
    <row r="1086" spans="1:5" x14ac:dyDescent="0.25">
      <c r="A1086">
        <v>65040</v>
      </c>
      <c r="B1086">
        <f t="shared" si="16"/>
        <v>18.066666666666666</v>
      </c>
      <c r="C1086">
        <v>0</v>
      </c>
      <c r="D1086">
        <v>21.4</v>
      </c>
      <c r="E1086">
        <v>1992.7536231884101</v>
      </c>
    </row>
    <row r="1087" spans="1:5" x14ac:dyDescent="0.25">
      <c r="A1087">
        <v>65100</v>
      </c>
      <c r="B1087">
        <f t="shared" si="16"/>
        <v>18.083333333333332</v>
      </c>
      <c r="C1087">
        <v>0</v>
      </c>
      <c r="D1087">
        <v>21.4</v>
      </c>
      <c r="E1087">
        <v>2001.8115942029001</v>
      </c>
    </row>
    <row r="1088" spans="1:5" x14ac:dyDescent="0.25">
      <c r="A1088">
        <v>65160</v>
      </c>
      <c r="B1088">
        <f t="shared" si="16"/>
        <v>18.100000000000001</v>
      </c>
      <c r="C1088">
        <v>0</v>
      </c>
      <c r="D1088">
        <v>21.4</v>
      </c>
      <c r="E1088">
        <v>2010.8695652173899</v>
      </c>
    </row>
    <row r="1089" spans="1:5" x14ac:dyDescent="0.25">
      <c r="A1089">
        <v>65220</v>
      </c>
      <c r="B1089">
        <f t="shared" si="16"/>
        <v>18.116666666666667</v>
      </c>
      <c r="C1089">
        <v>0</v>
      </c>
      <c r="D1089">
        <v>21.3</v>
      </c>
      <c r="E1089">
        <v>2019.9275362318799</v>
      </c>
    </row>
    <row r="1090" spans="1:5" x14ac:dyDescent="0.25">
      <c r="A1090">
        <v>65280</v>
      </c>
      <c r="B1090">
        <f t="shared" si="16"/>
        <v>18.133333333333333</v>
      </c>
      <c r="C1090">
        <v>0</v>
      </c>
      <c r="D1090">
        <v>21.3</v>
      </c>
      <c r="E1090">
        <v>2028.9855072463799</v>
      </c>
    </row>
    <row r="1091" spans="1:5" x14ac:dyDescent="0.25">
      <c r="A1091">
        <v>65340</v>
      </c>
      <c r="B1091">
        <f t="shared" ref="B1091:B1154" si="17">A1091/3600</f>
        <v>18.149999999999999</v>
      </c>
      <c r="C1091">
        <v>0</v>
      </c>
      <c r="D1091">
        <v>21.3</v>
      </c>
      <c r="E1091">
        <v>2038.04347826087</v>
      </c>
    </row>
    <row r="1092" spans="1:5" x14ac:dyDescent="0.25">
      <c r="A1092">
        <v>65400</v>
      </c>
      <c r="B1092">
        <f t="shared" si="17"/>
        <v>18.166666666666668</v>
      </c>
      <c r="C1092">
        <v>0</v>
      </c>
      <c r="D1092">
        <v>21.3</v>
      </c>
      <c r="E1092">
        <v>2047.10144927536</v>
      </c>
    </row>
    <row r="1093" spans="1:5" x14ac:dyDescent="0.25">
      <c r="A1093">
        <v>65460</v>
      </c>
      <c r="B1093">
        <f t="shared" si="17"/>
        <v>18.183333333333334</v>
      </c>
      <c r="C1093">
        <v>0</v>
      </c>
      <c r="D1093">
        <v>21.3</v>
      </c>
      <c r="E1093">
        <v>2056.15942028986</v>
      </c>
    </row>
    <row r="1094" spans="1:5" x14ac:dyDescent="0.25">
      <c r="A1094">
        <v>65520</v>
      </c>
      <c r="B1094">
        <f t="shared" si="17"/>
        <v>18.2</v>
      </c>
      <c r="C1094">
        <v>0</v>
      </c>
      <c r="D1094">
        <v>21.3</v>
      </c>
      <c r="E1094">
        <v>2065.2173913043498</v>
      </c>
    </row>
    <row r="1095" spans="1:5" x14ac:dyDescent="0.25">
      <c r="A1095">
        <v>65580</v>
      </c>
      <c r="B1095">
        <f t="shared" si="17"/>
        <v>18.216666666666665</v>
      </c>
      <c r="C1095">
        <v>0</v>
      </c>
      <c r="D1095">
        <v>21.3</v>
      </c>
      <c r="E1095">
        <v>2074.2753623188401</v>
      </c>
    </row>
    <row r="1096" spans="1:5" x14ac:dyDescent="0.25">
      <c r="A1096">
        <v>65640</v>
      </c>
      <c r="B1096">
        <f t="shared" si="17"/>
        <v>18.233333333333334</v>
      </c>
      <c r="C1096">
        <v>0</v>
      </c>
      <c r="D1096">
        <v>21.3</v>
      </c>
      <c r="E1096">
        <v>2083.3333333333298</v>
      </c>
    </row>
    <row r="1097" spans="1:5" x14ac:dyDescent="0.25">
      <c r="A1097">
        <v>65700</v>
      </c>
      <c r="B1097">
        <f t="shared" si="17"/>
        <v>18.25</v>
      </c>
      <c r="C1097">
        <v>0</v>
      </c>
      <c r="D1097">
        <v>21.3</v>
      </c>
      <c r="E1097">
        <v>2092.3913043478301</v>
      </c>
    </row>
    <row r="1098" spans="1:5" x14ac:dyDescent="0.25">
      <c r="A1098">
        <v>65760</v>
      </c>
      <c r="B1098">
        <f t="shared" si="17"/>
        <v>18.266666666666666</v>
      </c>
      <c r="C1098">
        <v>0</v>
      </c>
      <c r="D1098">
        <v>21.3</v>
      </c>
      <c r="E1098">
        <v>2101.4492753623199</v>
      </c>
    </row>
    <row r="1099" spans="1:5" x14ac:dyDescent="0.25">
      <c r="A1099">
        <v>65820</v>
      </c>
      <c r="B1099">
        <f t="shared" si="17"/>
        <v>18.283333333333335</v>
      </c>
      <c r="C1099">
        <v>0</v>
      </c>
      <c r="D1099">
        <v>21.2</v>
      </c>
      <c r="E1099">
        <v>2110.5072463768101</v>
      </c>
    </row>
    <row r="1100" spans="1:5" x14ac:dyDescent="0.25">
      <c r="A1100">
        <v>65880</v>
      </c>
      <c r="B1100">
        <f t="shared" si="17"/>
        <v>18.3</v>
      </c>
      <c r="C1100">
        <v>0</v>
      </c>
      <c r="D1100">
        <v>21.2</v>
      </c>
      <c r="E1100">
        <v>2119.5652173912999</v>
      </c>
    </row>
    <row r="1101" spans="1:5" x14ac:dyDescent="0.25">
      <c r="A1101">
        <v>65940</v>
      </c>
      <c r="B1101">
        <f t="shared" si="17"/>
        <v>18.316666666666666</v>
      </c>
      <c r="C1101">
        <v>0</v>
      </c>
      <c r="D1101">
        <v>21.2</v>
      </c>
      <c r="E1101">
        <v>2128.6231884058002</v>
      </c>
    </row>
    <row r="1102" spans="1:5" x14ac:dyDescent="0.25">
      <c r="A1102">
        <v>66000</v>
      </c>
      <c r="B1102">
        <f t="shared" si="17"/>
        <v>18.333333333333332</v>
      </c>
      <c r="C1102">
        <v>0</v>
      </c>
      <c r="D1102">
        <v>21.2</v>
      </c>
      <c r="E1102">
        <v>2137.68115942029</v>
      </c>
    </row>
    <row r="1103" spans="1:5" x14ac:dyDescent="0.25">
      <c r="A1103">
        <v>66060</v>
      </c>
      <c r="B1103">
        <f t="shared" si="17"/>
        <v>18.350000000000001</v>
      </c>
      <c r="C1103">
        <v>0</v>
      </c>
      <c r="D1103">
        <v>21.2</v>
      </c>
      <c r="E1103">
        <v>2146.7391304347798</v>
      </c>
    </row>
    <row r="1104" spans="1:5" x14ac:dyDescent="0.25">
      <c r="A1104">
        <v>66120</v>
      </c>
      <c r="B1104">
        <f t="shared" si="17"/>
        <v>18.366666666666667</v>
      </c>
      <c r="C1104">
        <v>0</v>
      </c>
      <c r="D1104">
        <v>21.2</v>
      </c>
      <c r="E1104">
        <v>2155.79710144928</v>
      </c>
    </row>
    <row r="1105" spans="1:5" x14ac:dyDescent="0.25">
      <c r="A1105">
        <v>66180</v>
      </c>
      <c r="B1105">
        <f t="shared" si="17"/>
        <v>18.383333333333333</v>
      </c>
      <c r="C1105">
        <v>0</v>
      </c>
      <c r="D1105">
        <v>21.1</v>
      </c>
      <c r="E1105">
        <v>2164.8550724637698</v>
      </c>
    </row>
    <row r="1106" spans="1:5" x14ac:dyDescent="0.25">
      <c r="A1106">
        <v>66240</v>
      </c>
      <c r="B1106">
        <f t="shared" si="17"/>
        <v>18.399999999999999</v>
      </c>
      <c r="C1106">
        <v>0</v>
      </c>
      <c r="D1106">
        <v>21.1</v>
      </c>
      <c r="E1106">
        <v>2173.9130434782601</v>
      </c>
    </row>
    <row r="1107" spans="1:5" x14ac:dyDescent="0.25">
      <c r="A1107">
        <v>66300</v>
      </c>
      <c r="B1107">
        <f t="shared" si="17"/>
        <v>18.416666666666668</v>
      </c>
      <c r="C1107">
        <v>0</v>
      </c>
      <c r="D1107">
        <v>21.1</v>
      </c>
      <c r="E1107">
        <v>2182.9710144927499</v>
      </c>
    </row>
    <row r="1108" spans="1:5" x14ac:dyDescent="0.25">
      <c r="A1108">
        <v>66360</v>
      </c>
      <c r="B1108">
        <f t="shared" si="17"/>
        <v>18.433333333333334</v>
      </c>
      <c r="C1108">
        <v>0</v>
      </c>
      <c r="D1108">
        <v>21.1</v>
      </c>
      <c r="E1108">
        <v>2192.0289855072501</v>
      </c>
    </row>
    <row r="1109" spans="1:5" x14ac:dyDescent="0.25">
      <c r="A1109">
        <v>66420</v>
      </c>
      <c r="B1109">
        <f t="shared" si="17"/>
        <v>18.45</v>
      </c>
      <c r="C1109">
        <v>0</v>
      </c>
      <c r="D1109">
        <v>21.1</v>
      </c>
      <c r="E1109">
        <v>2201.0869565217399</v>
      </c>
    </row>
    <row r="1110" spans="1:5" x14ac:dyDescent="0.25">
      <c r="A1110">
        <v>66480</v>
      </c>
      <c r="B1110">
        <f t="shared" si="17"/>
        <v>18.466666666666665</v>
      </c>
      <c r="C1110">
        <v>0</v>
      </c>
      <c r="D1110">
        <v>21.1</v>
      </c>
      <c r="E1110">
        <v>2210.1449275362302</v>
      </c>
    </row>
    <row r="1111" spans="1:5" x14ac:dyDescent="0.25">
      <c r="A1111">
        <v>66540</v>
      </c>
      <c r="B1111">
        <f t="shared" si="17"/>
        <v>18.483333333333334</v>
      </c>
      <c r="C1111">
        <v>0</v>
      </c>
      <c r="D1111">
        <v>21.1</v>
      </c>
      <c r="E1111">
        <v>2219.20289855073</v>
      </c>
    </row>
    <row r="1112" spans="1:5" x14ac:dyDescent="0.25">
      <c r="A1112">
        <v>66600</v>
      </c>
      <c r="B1112">
        <f t="shared" si="17"/>
        <v>18.5</v>
      </c>
      <c r="C1112">
        <v>0</v>
      </c>
      <c r="D1112">
        <v>21.1</v>
      </c>
      <c r="E1112">
        <v>2228.2608695652202</v>
      </c>
    </row>
    <row r="1113" spans="1:5" x14ac:dyDescent="0.25">
      <c r="A1113">
        <v>66660</v>
      </c>
      <c r="B1113">
        <f t="shared" si="17"/>
        <v>18.516666666666666</v>
      </c>
      <c r="C1113">
        <v>0</v>
      </c>
      <c r="D1113">
        <v>21.1</v>
      </c>
      <c r="E1113">
        <v>2237.31884057971</v>
      </c>
    </row>
    <row r="1114" spans="1:5" x14ac:dyDescent="0.25">
      <c r="A1114">
        <v>66720</v>
      </c>
      <c r="B1114">
        <f t="shared" si="17"/>
        <v>18.533333333333335</v>
      </c>
      <c r="C1114">
        <v>0</v>
      </c>
      <c r="D1114">
        <v>21.1</v>
      </c>
      <c r="E1114">
        <v>2246.3768115941998</v>
      </c>
    </row>
    <row r="1115" spans="1:5" x14ac:dyDescent="0.25">
      <c r="A1115">
        <v>66780</v>
      </c>
      <c r="B1115">
        <f t="shared" si="17"/>
        <v>18.55</v>
      </c>
      <c r="C1115">
        <v>0</v>
      </c>
      <c r="D1115">
        <v>21</v>
      </c>
      <c r="E1115">
        <v>2255.4347826087001</v>
      </c>
    </row>
    <row r="1116" spans="1:5" x14ac:dyDescent="0.25">
      <c r="A1116">
        <v>66840</v>
      </c>
      <c r="B1116">
        <f t="shared" si="17"/>
        <v>18.566666666666666</v>
      </c>
      <c r="C1116">
        <v>0</v>
      </c>
      <c r="D1116">
        <v>21</v>
      </c>
      <c r="E1116">
        <v>2264.4927536231899</v>
      </c>
    </row>
    <row r="1117" spans="1:5" x14ac:dyDescent="0.25">
      <c r="A1117">
        <v>66900</v>
      </c>
      <c r="B1117">
        <f t="shared" si="17"/>
        <v>18.583333333333332</v>
      </c>
      <c r="C1117">
        <v>0</v>
      </c>
      <c r="D1117">
        <v>21</v>
      </c>
      <c r="E1117">
        <v>2273.5507246376801</v>
      </c>
    </row>
    <row r="1118" spans="1:5" x14ac:dyDescent="0.25">
      <c r="A1118">
        <v>66960</v>
      </c>
      <c r="B1118">
        <f t="shared" si="17"/>
        <v>18.600000000000001</v>
      </c>
      <c r="C1118">
        <v>0</v>
      </c>
      <c r="D1118">
        <v>21</v>
      </c>
      <c r="E1118">
        <v>2282.6086956521699</v>
      </c>
    </row>
    <row r="1119" spans="1:5" x14ac:dyDescent="0.25">
      <c r="A1119">
        <v>67020</v>
      </c>
      <c r="B1119">
        <f t="shared" si="17"/>
        <v>18.616666666666667</v>
      </c>
      <c r="C1119">
        <v>0</v>
      </c>
      <c r="D1119">
        <v>21</v>
      </c>
      <c r="E1119">
        <v>2291.6666666666702</v>
      </c>
    </row>
    <row r="1120" spans="1:5" x14ac:dyDescent="0.25">
      <c r="A1120">
        <v>67080</v>
      </c>
      <c r="B1120">
        <f t="shared" si="17"/>
        <v>18.633333333333333</v>
      </c>
      <c r="C1120">
        <v>0</v>
      </c>
      <c r="D1120">
        <v>21</v>
      </c>
      <c r="E1120">
        <v>2300.7246376811599</v>
      </c>
    </row>
    <row r="1121" spans="1:5" x14ac:dyDescent="0.25">
      <c r="A1121">
        <v>67140</v>
      </c>
      <c r="B1121">
        <f t="shared" si="17"/>
        <v>18.649999999999999</v>
      </c>
      <c r="C1121">
        <v>0</v>
      </c>
      <c r="D1121">
        <v>21</v>
      </c>
      <c r="E1121">
        <v>2309.7826086956502</v>
      </c>
    </row>
    <row r="1122" spans="1:5" x14ac:dyDescent="0.25">
      <c r="A1122">
        <v>67200</v>
      </c>
      <c r="B1122">
        <f t="shared" si="17"/>
        <v>18.666666666666668</v>
      </c>
      <c r="C1122">
        <v>0</v>
      </c>
      <c r="D1122">
        <v>21</v>
      </c>
      <c r="E1122">
        <v>2318.84057971015</v>
      </c>
    </row>
    <row r="1123" spans="1:5" x14ac:dyDescent="0.25">
      <c r="A1123">
        <v>67260</v>
      </c>
      <c r="B1123">
        <f t="shared" si="17"/>
        <v>18.683333333333334</v>
      </c>
      <c r="C1123">
        <v>0</v>
      </c>
      <c r="D1123">
        <v>20.9</v>
      </c>
      <c r="E1123">
        <v>2327.8985507246398</v>
      </c>
    </row>
    <row r="1124" spans="1:5" x14ac:dyDescent="0.25">
      <c r="A1124">
        <v>67320</v>
      </c>
      <c r="B1124">
        <f t="shared" si="17"/>
        <v>18.7</v>
      </c>
      <c r="C1124">
        <v>0</v>
      </c>
      <c r="D1124">
        <v>20.9</v>
      </c>
      <c r="E1124">
        <v>2336.95652173913</v>
      </c>
    </row>
    <row r="1125" spans="1:5" x14ac:dyDescent="0.25">
      <c r="A1125">
        <v>67380</v>
      </c>
      <c r="B1125">
        <f t="shared" si="17"/>
        <v>18.716666666666665</v>
      </c>
      <c r="C1125">
        <v>0</v>
      </c>
      <c r="D1125">
        <v>20.9</v>
      </c>
      <c r="E1125">
        <v>2346.0144927536198</v>
      </c>
    </row>
    <row r="1126" spans="1:5" x14ac:dyDescent="0.25">
      <c r="A1126">
        <v>67440</v>
      </c>
      <c r="B1126">
        <f t="shared" si="17"/>
        <v>18.733333333333334</v>
      </c>
      <c r="C1126">
        <v>0</v>
      </c>
      <c r="D1126">
        <v>20.9</v>
      </c>
      <c r="E1126">
        <v>2355.0724637681201</v>
      </c>
    </row>
    <row r="1127" spans="1:5" x14ac:dyDescent="0.25">
      <c r="A1127">
        <v>67500</v>
      </c>
      <c r="B1127">
        <f t="shared" si="17"/>
        <v>18.75</v>
      </c>
      <c r="C1127">
        <v>0</v>
      </c>
      <c r="D1127">
        <v>20.9</v>
      </c>
      <c r="E1127">
        <v>2364.1304347826099</v>
      </c>
    </row>
    <row r="1128" spans="1:5" x14ac:dyDescent="0.25">
      <c r="A1128">
        <v>67560</v>
      </c>
      <c r="B1128">
        <f t="shared" si="17"/>
        <v>18.766666666666666</v>
      </c>
      <c r="C1128">
        <v>0</v>
      </c>
      <c r="D1128">
        <v>20.9</v>
      </c>
      <c r="E1128">
        <v>2373.1884057971001</v>
      </c>
    </row>
    <row r="1129" spans="1:5" x14ac:dyDescent="0.25">
      <c r="A1129">
        <v>67620</v>
      </c>
      <c r="B1129">
        <f t="shared" si="17"/>
        <v>18.783333333333335</v>
      </c>
      <c r="C1129">
        <v>0</v>
      </c>
      <c r="D1129">
        <v>20.9</v>
      </c>
      <c r="E1129">
        <v>2382.2463768115899</v>
      </c>
    </row>
    <row r="1130" spans="1:5" x14ac:dyDescent="0.25">
      <c r="A1130">
        <v>67680</v>
      </c>
      <c r="B1130">
        <f t="shared" si="17"/>
        <v>18.8</v>
      </c>
      <c r="C1130">
        <v>0</v>
      </c>
      <c r="D1130">
        <v>20.9</v>
      </c>
      <c r="E1130">
        <v>2391.3043478260902</v>
      </c>
    </row>
    <row r="1131" spans="1:5" x14ac:dyDescent="0.25">
      <c r="A1131">
        <v>67740</v>
      </c>
      <c r="B1131">
        <f t="shared" si="17"/>
        <v>18.816666666666666</v>
      </c>
      <c r="C1131">
        <v>0</v>
      </c>
      <c r="D1131">
        <v>20.9</v>
      </c>
      <c r="E1131">
        <v>2400.36231884058</v>
      </c>
    </row>
    <row r="1132" spans="1:5" x14ac:dyDescent="0.25">
      <c r="A1132">
        <v>67800</v>
      </c>
      <c r="B1132">
        <f t="shared" si="17"/>
        <v>18.833333333333332</v>
      </c>
      <c r="C1132">
        <v>0</v>
      </c>
      <c r="D1132">
        <v>20.9</v>
      </c>
      <c r="E1132">
        <v>2409.4202898550702</v>
      </c>
    </row>
    <row r="1133" spans="1:5" x14ac:dyDescent="0.25">
      <c r="A1133">
        <v>67860</v>
      </c>
      <c r="B1133">
        <f t="shared" si="17"/>
        <v>18.850000000000001</v>
      </c>
      <c r="C1133">
        <v>0</v>
      </c>
      <c r="D1133">
        <v>20.9</v>
      </c>
      <c r="E1133">
        <v>2418.47826086957</v>
      </c>
    </row>
    <row r="1134" spans="1:5" x14ac:dyDescent="0.25">
      <c r="A1134">
        <v>67920</v>
      </c>
      <c r="B1134">
        <f t="shared" si="17"/>
        <v>18.866666666666667</v>
      </c>
      <c r="C1134">
        <v>0</v>
      </c>
      <c r="D1134">
        <v>20.9</v>
      </c>
      <c r="E1134">
        <v>2427.5362318840598</v>
      </c>
    </row>
    <row r="1135" spans="1:5" x14ac:dyDescent="0.25">
      <c r="A1135">
        <v>67980</v>
      </c>
      <c r="B1135">
        <f t="shared" si="17"/>
        <v>18.883333333333333</v>
      </c>
      <c r="C1135">
        <v>0</v>
      </c>
      <c r="D1135">
        <v>20.9</v>
      </c>
      <c r="E1135">
        <v>2436.5942028985501</v>
      </c>
    </row>
    <row r="1136" spans="1:5" x14ac:dyDescent="0.25">
      <c r="A1136">
        <v>68040</v>
      </c>
      <c r="B1136">
        <f t="shared" si="17"/>
        <v>18.899999999999999</v>
      </c>
      <c r="C1136">
        <v>0</v>
      </c>
      <c r="D1136">
        <v>20.9</v>
      </c>
      <c r="E1136">
        <v>2445.6521739130399</v>
      </c>
    </row>
    <row r="1137" spans="1:5" x14ac:dyDescent="0.25">
      <c r="A1137">
        <v>68100</v>
      </c>
      <c r="B1137">
        <f t="shared" si="17"/>
        <v>18.916666666666668</v>
      </c>
      <c r="C1137">
        <v>0</v>
      </c>
      <c r="D1137">
        <v>20.9</v>
      </c>
      <c r="E1137">
        <v>2454.7101449275401</v>
      </c>
    </row>
    <row r="1138" spans="1:5" x14ac:dyDescent="0.25">
      <c r="A1138">
        <v>68160</v>
      </c>
      <c r="B1138">
        <f t="shared" si="17"/>
        <v>18.933333333333334</v>
      </c>
      <c r="C1138">
        <v>0</v>
      </c>
      <c r="D1138">
        <v>20.9</v>
      </c>
      <c r="E1138">
        <v>2463.7681159420299</v>
      </c>
    </row>
    <row r="1139" spans="1:5" x14ac:dyDescent="0.25">
      <c r="A1139">
        <v>68220</v>
      </c>
      <c r="B1139">
        <f t="shared" si="17"/>
        <v>18.95</v>
      </c>
      <c r="C1139">
        <v>0</v>
      </c>
      <c r="D1139">
        <v>20.8</v>
      </c>
      <c r="E1139">
        <v>2472.8260869565202</v>
      </c>
    </row>
    <row r="1140" spans="1:5" x14ac:dyDescent="0.25">
      <c r="A1140">
        <v>68280</v>
      </c>
      <c r="B1140">
        <f t="shared" si="17"/>
        <v>18.966666666666665</v>
      </c>
      <c r="C1140">
        <v>0</v>
      </c>
      <c r="D1140">
        <v>20.8</v>
      </c>
      <c r="E1140">
        <v>2481.88405797101</v>
      </c>
    </row>
    <row r="1141" spans="1:5" x14ac:dyDescent="0.25">
      <c r="A1141">
        <v>68340</v>
      </c>
      <c r="B1141">
        <f t="shared" si="17"/>
        <v>18.983333333333334</v>
      </c>
      <c r="C1141">
        <v>0</v>
      </c>
      <c r="D1141">
        <v>20.8</v>
      </c>
      <c r="E1141">
        <v>2490.9420289855102</v>
      </c>
    </row>
    <row r="1142" spans="1:5" x14ac:dyDescent="0.25">
      <c r="A1142">
        <v>68400</v>
      </c>
      <c r="B1142">
        <f t="shared" si="17"/>
        <v>19</v>
      </c>
      <c r="C1142">
        <v>0</v>
      </c>
      <c r="D1142">
        <v>20.8</v>
      </c>
      <c r="E1142">
        <v>2500</v>
      </c>
    </row>
    <row r="1143" spans="1:5" x14ac:dyDescent="0.25">
      <c r="A1143">
        <v>68460</v>
      </c>
      <c r="B1143">
        <f t="shared" si="17"/>
        <v>19.016666666666666</v>
      </c>
      <c r="C1143" s="2">
        <v>0</v>
      </c>
      <c r="D1143">
        <v>20.8</v>
      </c>
      <c r="E1143">
        <v>2498.1884057971001</v>
      </c>
    </row>
    <row r="1144" spans="1:5" x14ac:dyDescent="0.25">
      <c r="A1144">
        <v>68520</v>
      </c>
      <c r="B1144">
        <f t="shared" si="17"/>
        <v>19.033333333333335</v>
      </c>
      <c r="C1144" s="2">
        <v>0</v>
      </c>
      <c r="D1144">
        <v>20.8</v>
      </c>
      <c r="E1144">
        <v>2496.3768115941998</v>
      </c>
    </row>
    <row r="1145" spans="1:5" x14ac:dyDescent="0.25">
      <c r="A1145">
        <v>68580</v>
      </c>
      <c r="B1145">
        <f t="shared" si="17"/>
        <v>19.05</v>
      </c>
      <c r="C1145" s="2">
        <v>0</v>
      </c>
      <c r="D1145">
        <v>20.8</v>
      </c>
      <c r="E1145">
        <v>2494.5652173912999</v>
      </c>
    </row>
    <row r="1146" spans="1:5" x14ac:dyDescent="0.25">
      <c r="A1146">
        <v>68640</v>
      </c>
      <c r="B1146">
        <f t="shared" si="17"/>
        <v>19.066666666666666</v>
      </c>
      <c r="C1146" s="2">
        <v>0</v>
      </c>
      <c r="D1146">
        <v>20.8</v>
      </c>
      <c r="E1146">
        <v>2492.7536231884101</v>
      </c>
    </row>
    <row r="1147" spans="1:5" x14ac:dyDescent="0.25">
      <c r="A1147">
        <v>68700</v>
      </c>
      <c r="B1147">
        <f t="shared" si="17"/>
        <v>19.083333333333332</v>
      </c>
      <c r="C1147" s="2">
        <v>0</v>
      </c>
      <c r="D1147">
        <v>20.8</v>
      </c>
      <c r="E1147">
        <v>2490.9420289855102</v>
      </c>
    </row>
    <row r="1148" spans="1:5" x14ac:dyDescent="0.25">
      <c r="A1148">
        <v>68760</v>
      </c>
      <c r="B1148">
        <f t="shared" si="17"/>
        <v>19.100000000000001</v>
      </c>
      <c r="C1148" s="2">
        <v>0</v>
      </c>
      <c r="D1148">
        <v>20.8</v>
      </c>
      <c r="E1148">
        <v>2489.1304347826099</v>
      </c>
    </row>
    <row r="1149" spans="1:5" x14ac:dyDescent="0.25">
      <c r="A1149">
        <v>68820</v>
      </c>
      <c r="B1149">
        <f t="shared" si="17"/>
        <v>19.116666666666667</v>
      </c>
      <c r="C1149" s="2">
        <v>0</v>
      </c>
      <c r="D1149">
        <v>20.8</v>
      </c>
      <c r="E1149">
        <v>2487.31884057971</v>
      </c>
    </row>
    <row r="1150" spans="1:5" x14ac:dyDescent="0.25">
      <c r="A1150">
        <v>68880</v>
      </c>
      <c r="B1150">
        <f t="shared" si="17"/>
        <v>19.133333333333333</v>
      </c>
      <c r="C1150" s="2">
        <v>0</v>
      </c>
      <c r="D1150">
        <v>20.8</v>
      </c>
      <c r="E1150">
        <v>2485.5072463768101</v>
      </c>
    </row>
    <row r="1151" spans="1:5" x14ac:dyDescent="0.25">
      <c r="A1151">
        <v>68940</v>
      </c>
      <c r="B1151">
        <f t="shared" si="17"/>
        <v>19.149999999999999</v>
      </c>
      <c r="C1151" s="2">
        <v>0</v>
      </c>
      <c r="D1151">
        <v>20.8</v>
      </c>
      <c r="E1151">
        <v>2483.6956521739098</v>
      </c>
    </row>
    <row r="1152" spans="1:5" x14ac:dyDescent="0.25">
      <c r="A1152">
        <v>69000</v>
      </c>
      <c r="B1152">
        <f t="shared" si="17"/>
        <v>19.166666666666668</v>
      </c>
      <c r="C1152" s="2">
        <v>0</v>
      </c>
      <c r="D1152">
        <v>20.8</v>
      </c>
      <c r="E1152">
        <v>2481.88405797101</v>
      </c>
    </row>
    <row r="1153" spans="1:5" x14ac:dyDescent="0.25">
      <c r="A1153">
        <v>69060</v>
      </c>
      <c r="B1153">
        <f t="shared" si="17"/>
        <v>19.183333333333334</v>
      </c>
      <c r="C1153" s="2">
        <v>0</v>
      </c>
      <c r="D1153">
        <v>20.8</v>
      </c>
      <c r="E1153">
        <v>2480.0724637681201</v>
      </c>
    </row>
    <row r="1154" spans="1:5" x14ac:dyDescent="0.25">
      <c r="A1154">
        <v>69120</v>
      </c>
      <c r="B1154">
        <f t="shared" si="17"/>
        <v>19.2</v>
      </c>
      <c r="C1154" s="2">
        <v>0</v>
      </c>
      <c r="D1154">
        <v>20.8</v>
      </c>
      <c r="E1154">
        <v>2478.2608695652202</v>
      </c>
    </row>
    <row r="1155" spans="1:5" x14ac:dyDescent="0.25">
      <c r="A1155">
        <v>69180</v>
      </c>
      <c r="B1155">
        <f t="shared" ref="B1155:B1218" si="18">A1155/3600</f>
        <v>19.216666666666665</v>
      </c>
      <c r="C1155" s="2">
        <v>0</v>
      </c>
      <c r="D1155">
        <v>20.8</v>
      </c>
      <c r="E1155">
        <v>2476.4492753623199</v>
      </c>
    </row>
    <row r="1156" spans="1:5" x14ac:dyDescent="0.25">
      <c r="A1156">
        <v>69240</v>
      </c>
      <c r="B1156">
        <f t="shared" si="18"/>
        <v>19.233333333333334</v>
      </c>
      <c r="C1156" s="2">
        <v>0</v>
      </c>
      <c r="D1156">
        <v>20.8</v>
      </c>
      <c r="E1156">
        <v>2474.63768115942</v>
      </c>
    </row>
    <row r="1157" spans="1:5" x14ac:dyDescent="0.25">
      <c r="A1157">
        <v>69300</v>
      </c>
      <c r="B1157">
        <f t="shared" si="18"/>
        <v>19.25</v>
      </c>
      <c r="C1157" s="2">
        <v>0</v>
      </c>
      <c r="D1157">
        <v>20.8</v>
      </c>
      <c r="E1157">
        <v>2472.8260869565202</v>
      </c>
    </row>
    <row r="1158" spans="1:5" x14ac:dyDescent="0.25">
      <c r="A1158">
        <v>69360</v>
      </c>
      <c r="B1158">
        <f t="shared" si="18"/>
        <v>19.266666666666666</v>
      </c>
      <c r="C1158" s="2">
        <v>0</v>
      </c>
      <c r="D1158">
        <v>20.7</v>
      </c>
      <c r="E1158">
        <v>2471.0144927536198</v>
      </c>
    </row>
    <row r="1159" spans="1:5" x14ac:dyDescent="0.25">
      <c r="A1159">
        <v>69420</v>
      </c>
      <c r="B1159">
        <f t="shared" si="18"/>
        <v>19.283333333333335</v>
      </c>
      <c r="C1159" s="2">
        <v>0</v>
      </c>
      <c r="D1159">
        <v>20.7</v>
      </c>
      <c r="E1159">
        <v>2469.20289855073</v>
      </c>
    </row>
    <row r="1160" spans="1:5" x14ac:dyDescent="0.25">
      <c r="A1160">
        <v>69480</v>
      </c>
      <c r="B1160">
        <f t="shared" si="18"/>
        <v>19.3</v>
      </c>
      <c r="C1160" s="2">
        <v>0</v>
      </c>
      <c r="D1160">
        <v>20.7</v>
      </c>
      <c r="E1160">
        <v>2467.3913043478301</v>
      </c>
    </row>
    <row r="1161" spans="1:5" x14ac:dyDescent="0.25">
      <c r="A1161">
        <v>69540</v>
      </c>
      <c r="B1161">
        <f t="shared" si="18"/>
        <v>19.316666666666666</v>
      </c>
      <c r="C1161" s="2">
        <v>0</v>
      </c>
      <c r="D1161">
        <v>20.7</v>
      </c>
      <c r="E1161">
        <v>2465.5797101449298</v>
      </c>
    </row>
    <row r="1162" spans="1:5" x14ac:dyDescent="0.25">
      <c r="A1162">
        <v>69600</v>
      </c>
      <c r="B1162">
        <f t="shared" si="18"/>
        <v>19.333333333333332</v>
      </c>
      <c r="C1162" s="2">
        <v>0</v>
      </c>
      <c r="D1162">
        <v>20.7</v>
      </c>
      <c r="E1162">
        <v>2463.7681159420299</v>
      </c>
    </row>
    <row r="1163" spans="1:5" x14ac:dyDescent="0.25">
      <c r="A1163">
        <v>69660</v>
      </c>
      <c r="B1163">
        <f t="shared" si="18"/>
        <v>19.350000000000001</v>
      </c>
      <c r="C1163" s="2">
        <v>0</v>
      </c>
      <c r="D1163">
        <v>20.7</v>
      </c>
      <c r="E1163">
        <v>2461.95652173913</v>
      </c>
    </row>
    <row r="1164" spans="1:5" x14ac:dyDescent="0.25">
      <c r="A1164">
        <v>69720</v>
      </c>
      <c r="B1164">
        <f t="shared" si="18"/>
        <v>19.366666666666667</v>
      </c>
      <c r="C1164" s="2">
        <v>0</v>
      </c>
      <c r="D1164">
        <v>20.7</v>
      </c>
      <c r="E1164">
        <v>2460.1449275362302</v>
      </c>
    </row>
    <row r="1165" spans="1:5" x14ac:dyDescent="0.25">
      <c r="A1165">
        <v>69780</v>
      </c>
      <c r="B1165">
        <f t="shared" si="18"/>
        <v>19.383333333333333</v>
      </c>
      <c r="C1165" s="2">
        <v>0</v>
      </c>
      <c r="D1165">
        <v>20.7</v>
      </c>
      <c r="E1165">
        <v>2458.3333333333298</v>
      </c>
    </row>
    <row r="1166" spans="1:5" x14ac:dyDescent="0.25">
      <c r="A1166">
        <v>69840</v>
      </c>
      <c r="B1166">
        <f t="shared" si="18"/>
        <v>19.399999999999999</v>
      </c>
      <c r="C1166" s="2">
        <v>0</v>
      </c>
      <c r="D1166">
        <v>20.7</v>
      </c>
      <c r="E1166">
        <v>2456.52173913044</v>
      </c>
    </row>
    <row r="1167" spans="1:5" x14ac:dyDescent="0.25">
      <c r="A1167">
        <v>69900</v>
      </c>
      <c r="B1167">
        <f t="shared" si="18"/>
        <v>19.416666666666668</v>
      </c>
      <c r="C1167" s="2">
        <v>0</v>
      </c>
      <c r="D1167">
        <v>20.7</v>
      </c>
      <c r="E1167">
        <v>2454.7101449275401</v>
      </c>
    </row>
    <row r="1168" spans="1:5" x14ac:dyDescent="0.25">
      <c r="A1168">
        <v>69960</v>
      </c>
      <c r="B1168">
        <f t="shared" si="18"/>
        <v>19.433333333333334</v>
      </c>
      <c r="C1168" s="2">
        <v>0</v>
      </c>
      <c r="D1168">
        <v>20.7</v>
      </c>
      <c r="E1168">
        <v>2452.8985507246398</v>
      </c>
    </row>
    <row r="1169" spans="1:5" x14ac:dyDescent="0.25">
      <c r="A1169">
        <v>70020</v>
      </c>
      <c r="B1169">
        <f t="shared" si="18"/>
        <v>19.45</v>
      </c>
      <c r="C1169" s="2">
        <v>0</v>
      </c>
      <c r="D1169">
        <v>20.7</v>
      </c>
      <c r="E1169">
        <v>2451.0869565217399</v>
      </c>
    </row>
    <row r="1170" spans="1:5" x14ac:dyDescent="0.25">
      <c r="A1170">
        <v>70080</v>
      </c>
      <c r="B1170">
        <f t="shared" si="18"/>
        <v>19.466666666666665</v>
      </c>
      <c r="C1170" s="2">
        <v>0</v>
      </c>
      <c r="D1170">
        <v>20.7</v>
      </c>
      <c r="E1170">
        <v>2449.2753623188401</v>
      </c>
    </row>
    <row r="1171" spans="1:5" x14ac:dyDescent="0.25">
      <c r="A1171">
        <v>70140</v>
      </c>
      <c r="B1171">
        <f t="shared" si="18"/>
        <v>19.483333333333334</v>
      </c>
      <c r="C1171" s="2">
        <v>0</v>
      </c>
      <c r="D1171">
        <v>20.7</v>
      </c>
      <c r="E1171">
        <v>2447.4637681159402</v>
      </c>
    </row>
    <row r="1172" spans="1:5" x14ac:dyDescent="0.25">
      <c r="A1172">
        <v>70200</v>
      </c>
      <c r="B1172">
        <f t="shared" si="18"/>
        <v>19.5</v>
      </c>
      <c r="C1172" s="2">
        <v>0</v>
      </c>
      <c r="D1172">
        <v>20.7</v>
      </c>
      <c r="E1172">
        <v>2445.6521739130399</v>
      </c>
    </row>
    <row r="1173" spans="1:5" x14ac:dyDescent="0.25">
      <c r="A1173">
        <v>70260</v>
      </c>
      <c r="B1173">
        <f t="shared" si="18"/>
        <v>19.516666666666666</v>
      </c>
      <c r="C1173" s="2">
        <v>0</v>
      </c>
      <c r="D1173">
        <v>20.7</v>
      </c>
      <c r="E1173">
        <v>2443.84057971015</v>
      </c>
    </row>
    <row r="1174" spans="1:5" x14ac:dyDescent="0.25">
      <c r="A1174">
        <v>70320</v>
      </c>
      <c r="B1174">
        <f t="shared" si="18"/>
        <v>19.533333333333335</v>
      </c>
      <c r="C1174" s="2">
        <v>0</v>
      </c>
      <c r="D1174">
        <v>20.6</v>
      </c>
      <c r="E1174">
        <v>2442.0289855072501</v>
      </c>
    </row>
    <row r="1175" spans="1:5" x14ac:dyDescent="0.25">
      <c r="A1175">
        <v>70380</v>
      </c>
      <c r="B1175">
        <f t="shared" si="18"/>
        <v>19.55</v>
      </c>
      <c r="C1175" s="2">
        <v>0</v>
      </c>
      <c r="D1175">
        <v>20.6</v>
      </c>
      <c r="E1175">
        <v>2440.2173913043498</v>
      </c>
    </row>
    <row r="1176" spans="1:5" x14ac:dyDescent="0.25">
      <c r="A1176">
        <v>70440</v>
      </c>
      <c r="B1176">
        <f t="shared" si="18"/>
        <v>19.566666666666666</v>
      </c>
      <c r="C1176" s="2">
        <v>0</v>
      </c>
      <c r="D1176">
        <v>20.6</v>
      </c>
      <c r="E1176">
        <v>2438.4057971014499</v>
      </c>
    </row>
    <row r="1177" spans="1:5" x14ac:dyDescent="0.25">
      <c r="A1177">
        <v>70500</v>
      </c>
      <c r="B1177">
        <f t="shared" si="18"/>
        <v>19.583333333333332</v>
      </c>
      <c r="C1177" s="2">
        <v>0</v>
      </c>
      <c r="D1177">
        <v>20.6</v>
      </c>
      <c r="E1177">
        <v>2436.5942028985501</v>
      </c>
    </row>
    <row r="1178" spans="1:5" x14ac:dyDescent="0.25">
      <c r="A1178">
        <v>70560</v>
      </c>
      <c r="B1178">
        <f t="shared" si="18"/>
        <v>19.600000000000001</v>
      </c>
      <c r="C1178" s="2">
        <v>0</v>
      </c>
      <c r="D1178">
        <v>20.7</v>
      </c>
      <c r="E1178">
        <v>2434.7826086956502</v>
      </c>
    </row>
    <row r="1179" spans="1:5" x14ac:dyDescent="0.25">
      <c r="A1179">
        <v>70620</v>
      </c>
      <c r="B1179">
        <f t="shared" si="18"/>
        <v>19.616666666666667</v>
      </c>
      <c r="C1179" s="2">
        <v>0</v>
      </c>
      <c r="D1179">
        <v>20.7</v>
      </c>
      <c r="E1179">
        <v>2432.9710144927499</v>
      </c>
    </row>
    <row r="1180" spans="1:5" x14ac:dyDescent="0.25">
      <c r="A1180">
        <v>70680</v>
      </c>
      <c r="B1180">
        <f t="shared" si="18"/>
        <v>19.633333333333333</v>
      </c>
      <c r="C1180" s="2">
        <v>0</v>
      </c>
      <c r="D1180">
        <v>20.7</v>
      </c>
      <c r="E1180">
        <v>2431.15942028986</v>
      </c>
    </row>
    <row r="1181" spans="1:5" x14ac:dyDescent="0.25">
      <c r="A1181">
        <v>70740</v>
      </c>
      <c r="B1181">
        <f t="shared" si="18"/>
        <v>19.649999999999999</v>
      </c>
      <c r="C1181" s="2">
        <v>0</v>
      </c>
      <c r="D1181">
        <v>20.6</v>
      </c>
      <c r="E1181">
        <v>2429.3478260869601</v>
      </c>
    </row>
    <row r="1182" spans="1:5" x14ac:dyDescent="0.25">
      <c r="A1182">
        <v>70800</v>
      </c>
      <c r="B1182">
        <f t="shared" si="18"/>
        <v>19.666666666666668</v>
      </c>
      <c r="C1182" s="2">
        <v>0</v>
      </c>
      <c r="D1182">
        <v>20.6</v>
      </c>
      <c r="E1182">
        <v>2427.5362318840598</v>
      </c>
    </row>
    <row r="1183" spans="1:5" x14ac:dyDescent="0.25">
      <c r="A1183">
        <v>70860</v>
      </c>
      <c r="B1183">
        <f t="shared" si="18"/>
        <v>19.683333333333334</v>
      </c>
      <c r="C1183" s="2">
        <v>0</v>
      </c>
      <c r="D1183">
        <v>20.6</v>
      </c>
      <c r="E1183">
        <v>2425.7246376811599</v>
      </c>
    </row>
    <row r="1184" spans="1:5" x14ac:dyDescent="0.25">
      <c r="A1184">
        <v>70920</v>
      </c>
      <c r="B1184">
        <f t="shared" si="18"/>
        <v>19.7</v>
      </c>
      <c r="C1184" s="2">
        <v>0</v>
      </c>
      <c r="D1184">
        <v>20.6</v>
      </c>
      <c r="E1184">
        <v>2423.9130434782601</v>
      </c>
    </row>
    <row r="1185" spans="1:5" x14ac:dyDescent="0.25">
      <c r="A1185">
        <v>70980</v>
      </c>
      <c r="B1185">
        <f t="shared" si="18"/>
        <v>19.716666666666665</v>
      </c>
      <c r="C1185" s="2">
        <v>0</v>
      </c>
      <c r="D1185">
        <v>20.6</v>
      </c>
      <c r="E1185">
        <v>2422.1014492753602</v>
      </c>
    </row>
    <row r="1186" spans="1:5" x14ac:dyDescent="0.25">
      <c r="A1186">
        <v>71040</v>
      </c>
      <c r="B1186">
        <f t="shared" si="18"/>
        <v>19.733333333333334</v>
      </c>
      <c r="C1186" s="2">
        <v>0</v>
      </c>
      <c r="D1186">
        <v>20.6</v>
      </c>
      <c r="E1186">
        <v>2420.2898550724599</v>
      </c>
    </row>
    <row r="1187" spans="1:5" x14ac:dyDescent="0.25">
      <c r="A1187">
        <v>71100</v>
      </c>
      <c r="B1187">
        <f t="shared" si="18"/>
        <v>19.75</v>
      </c>
      <c r="C1187" s="2">
        <v>0</v>
      </c>
      <c r="D1187">
        <v>20.6</v>
      </c>
      <c r="E1187">
        <v>2418.47826086957</v>
      </c>
    </row>
    <row r="1188" spans="1:5" x14ac:dyDescent="0.25">
      <c r="A1188">
        <v>71160</v>
      </c>
      <c r="B1188">
        <f t="shared" si="18"/>
        <v>19.766666666666666</v>
      </c>
      <c r="C1188" s="2">
        <v>0</v>
      </c>
      <c r="D1188">
        <v>20.6</v>
      </c>
      <c r="E1188">
        <v>2416.6666666666702</v>
      </c>
    </row>
    <row r="1189" spans="1:5" x14ac:dyDescent="0.25">
      <c r="A1189">
        <v>71220</v>
      </c>
      <c r="B1189">
        <f t="shared" si="18"/>
        <v>19.783333333333335</v>
      </c>
      <c r="C1189" s="2">
        <v>0</v>
      </c>
      <c r="D1189">
        <v>20.6</v>
      </c>
      <c r="E1189">
        <v>2414.8550724637698</v>
      </c>
    </row>
    <row r="1190" spans="1:5" x14ac:dyDescent="0.25">
      <c r="A1190">
        <v>71280</v>
      </c>
      <c r="B1190">
        <f t="shared" si="18"/>
        <v>19.8</v>
      </c>
      <c r="C1190" s="2">
        <v>0</v>
      </c>
      <c r="D1190">
        <v>20.6</v>
      </c>
      <c r="E1190">
        <v>2413.04347826087</v>
      </c>
    </row>
    <row r="1191" spans="1:5" x14ac:dyDescent="0.25">
      <c r="A1191">
        <v>71340</v>
      </c>
      <c r="B1191">
        <f t="shared" si="18"/>
        <v>19.816666666666666</v>
      </c>
      <c r="C1191" s="2">
        <v>0</v>
      </c>
      <c r="D1191">
        <v>20.6</v>
      </c>
      <c r="E1191">
        <v>2411.2318840579701</v>
      </c>
    </row>
    <row r="1192" spans="1:5" x14ac:dyDescent="0.25">
      <c r="A1192">
        <v>71400</v>
      </c>
      <c r="B1192">
        <f t="shared" si="18"/>
        <v>19.833333333333332</v>
      </c>
      <c r="C1192" s="2">
        <v>0</v>
      </c>
      <c r="D1192">
        <v>20.6</v>
      </c>
      <c r="E1192">
        <v>2409.4202898550702</v>
      </c>
    </row>
    <row r="1193" spans="1:5" x14ac:dyDescent="0.25">
      <c r="A1193">
        <v>71460</v>
      </c>
      <c r="B1193">
        <f t="shared" si="18"/>
        <v>19.850000000000001</v>
      </c>
      <c r="C1193" s="2">
        <v>0</v>
      </c>
      <c r="D1193">
        <v>20.6</v>
      </c>
      <c r="E1193">
        <v>2407.6086956521699</v>
      </c>
    </row>
    <row r="1194" spans="1:5" x14ac:dyDescent="0.25">
      <c r="A1194">
        <v>71520</v>
      </c>
      <c r="B1194">
        <f t="shared" si="18"/>
        <v>19.866666666666667</v>
      </c>
      <c r="C1194" s="2">
        <v>0</v>
      </c>
      <c r="D1194">
        <v>20.6</v>
      </c>
      <c r="E1194">
        <v>2405.79710144928</v>
      </c>
    </row>
    <row r="1195" spans="1:5" x14ac:dyDescent="0.25">
      <c r="A1195">
        <v>71580</v>
      </c>
      <c r="B1195">
        <f t="shared" si="18"/>
        <v>19.883333333333333</v>
      </c>
      <c r="C1195" s="2">
        <v>0</v>
      </c>
      <c r="D1195">
        <v>20.6</v>
      </c>
      <c r="E1195">
        <v>2403.9855072463802</v>
      </c>
    </row>
    <row r="1196" spans="1:5" x14ac:dyDescent="0.25">
      <c r="A1196">
        <v>71640</v>
      </c>
      <c r="B1196">
        <f t="shared" si="18"/>
        <v>19.899999999999999</v>
      </c>
      <c r="C1196" s="2">
        <v>0</v>
      </c>
      <c r="D1196">
        <v>20.6</v>
      </c>
      <c r="E1196">
        <v>2402.1739130434798</v>
      </c>
    </row>
    <row r="1197" spans="1:5" x14ac:dyDescent="0.25">
      <c r="A1197">
        <v>71700</v>
      </c>
      <c r="B1197">
        <f t="shared" si="18"/>
        <v>19.916666666666668</v>
      </c>
      <c r="C1197" s="2">
        <v>0</v>
      </c>
      <c r="D1197">
        <v>20.6</v>
      </c>
      <c r="E1197">
        <v>2400.36231884058</v>
      </c>
    </row>
    <row r="1198" spans="1:5" x14ac:dyDescent="0.25">
      <c r="A1198">
        <v>71760</v>
      </c>
      <c r="B1198">
        <f t="shared" si="18"/>
        <v>19.933333333333334</v>
      </c>
      <c r="C1198" s="2">
        <v>0</v>
      </c>
      <c r="D1198">
        <v>20.6</v>
      </c>
      <c r="E1198">
        <v>2398.5507246376801</v>
      </c>
    </row>
    <row r="1199" spans="1:5" x14ac:dyDescent="0.25">
      <c r="A1199">
        <v>71820</v>
      </c>
      <c r="B1199">
        <f t="shared" si="18"/>
        <v>19.95</v>
      </c>
      <c r="C1199" s="2">
        <v>0</v>
      </c>
      <c r="D1199">
        <v>20.6</v>
      </c>
      <c r="E1199">
        <v>2396.7391304347798</v>
      </c>
    </row>
    <row r="1200" spans="1:5" x14ac:dyDescent="0.25">
      <c r="A1200">
        <v>71880</v>
      </c>
      <c r="B1200">
        <f t="shared" si="18"/>
        <v>19.966666666666665</v>
      </c>
      <c r="C1200" s="2">
        <v>0</v>
      </c>
      <c r="D1200">
        <v>20.6</v>
      </c>
      <c r="E1200">
        <v>2394.9275362318799</v>
      </c>
    </row>
    <row r="1201" spans="1:5" x14ac:dyDescent="0.25">
      <c r="A1201">
        <v>71940</v>
      </c>
      <c r="B1201">
        <f t="shared" si="18"/>
        <v>19.983333333333334</v>
      </c>
      <c r="C1201" s="2">
        <v>0</v>
      </c>
      <c r="D1201">
        <v>20.6</v>
      </c>
      <c r="E1201">
        <v>2393.11594202899</v>
      </c>
    </row>
    <row r="1202" spans="1:5" x14ac:dyDescent="0.25">
      <c r="A1202">
        <v>72000</v>
      </c>
      <c r="B1202">
        <f t="shared" si="18"/>
        <v>20</v>
      </c>
      <c r="C1202" s="2">
        <v>0</v>
      </c>
      <c r="D1202">
        <v>20.6</v>
      </c>
      <c r="E1202">
        <v>2391.3043478260902</v>
      </c>
    </row>
    <row r="1203" spans="1:5" x14ac:dyDescent="0.25">
      <c r="A1203">
        <v>72060</v>
      </c>
      <c r="B1203">
        <f t="shared" si="18"/>
        <v>20.016666666666666</v>
      </c>
      <c r="C1203" s="2">
        <v>0</v>
      </c>
      <c r="D1203">
        <v>20.6</v>
      </c>
      <c r="E1203">
        <v>2391.3043478260902</v>
      </c>
    </row>
    <row r="1204" spans="1:5" x14ac:dyDescent="0.25">
      <c r="A1204">
        <v>72120</v>
      </c>
      <c r="B1204">
        <f t="shared" si="18"/>
        <v>20.033333333333335</v>
      </c>
      <c r="C1204" s="2">
        <v>0</v>
      </c>
      <c r="D1204">
        <v>20.6</v>
      </c>
      <c r="E1204">
        <v>2391.3043478260902</v>
      </c>
    </row>
    <row r="1205" spans="1:5" x14ac:dyDescent="0.25">
      <c r="A1205">
        <v>72180</v>
      </c>
      <c r="B1205">
        <f t="shared" si="18"/>
        <v>20.05</v>
      </c>
      <c r="C1205" s="2">
        <v>0</v>
      </c>
      <c r="D1205">
        <v>20.6</v>
      </c>
      <c r="E1205">
        <v>2391.3043478260902</v>
      </c>
    </row>
    <row r="1206" spans="1:5" x14ac:dyDescent="0.25">
      <c r="A1206">
        <v>72240</v>
      </c>
      <c r="B1206">
        <f t="shared" si="18"/>
        <v>20.066666666666666</v>
      </c>
      <c r="C1206" s="2">
        <v>0</v>
      </c>
      <c r="D1206">
        <v>20.6</v>
      </c>
      <c r="E1206">
        <v>2391.3043478260902</v>
      </c>
    </row>
    <row r="1207" spans="1:5" x14ac:dyDescent="0.25">
      <c r="A1207">
        <v>72300</v>
      </c>
      <c r="B1207">
        <f t="shared" si="18"/>
        <v>20.083333333333332</v>
      </c>
      <c r="C1207" s="2">
        <v>0</v>
      </c>
      <c r="D1207">
        <v>20.5</v>
      </c>
      <c r="E1207">
        <v>2391.3043478260902</v>
      </c>
    </row>
    <row r="1208" spans="1:5" x14ac:dyDescent="0.25">
      <c r="A1208">
        <v>72360</v>
      </c>
      <c r="B1208">
        <f t="shared" si="18"/>
        <v>20.100000000000001</v>
      </c>
      <c r="C1208" s="2">
        <v>0</v>
      </c>
      <c r="D1208">
        <v>20.6</v>
      </c>
      <c r="E1208">
        <v>2391.3043478260902</v>
      </c>
    </row>
    <row r="1209" spans="1:5" x14ac:dyDescent="0.25">
      <c r="A1209">
        <v>72420</v>
      </c>
      <c r="B1209">
        <f t="shared" si="18"/>
        <v>20.116666666666667</v>
      </c>
      <c r="C1209" s="2">
        <v>0</v>
      </c>
      <c r="D1209">
        <v>20.6</v>
      </c>
      <c r="E1209">
        <v>2391.3043478260902</v>
      </c>
    </row>
    <row r="1210" spans="1:5" x14ac:dyDescent="0.25">
      <c r="A1210">
        <v>72480</v>
      </c>
      <c r="B1210">
        <f t="shared" si="18"/>
        <v>20.133333333333333</v>
      </c>
      <c r="C1210" s="2">
        <v>0</v>
      </c>
      <c r="D1210">
        <v>20.6</v>
      </c>
      <c r="E1210">
        <v>2391.3043478260902</v>
      </c>
    </row>
    <row r="1211" spans="1:5" x14ac:dyDescent="0.25">
      <c r="A1211">
        <v>72540</v>
      </c>
      <c r="B1211">
        <f t="shared" si="18"/>
        <v>20.149999999999999</v>
      </c>
      <c r="C1211" s="2">
        <v>0</v>
      </c>
      <c r="D1211">
        <v>20.6</v>
      </c>
      <c r="E1211">
        <v>2391.3043478260902</v>
      </c>
    </row>
    <row r="1212" spans="1:5" x14ac:dyDescent="0.25">
      <c r="A1212">
        <v>72600</v>
      </c>
      <c r="B1212">
        <f t="shared" si="18"/>
        <v>20.166666666666668</v>
      </c>
      <c r="C1212" s="2">
        <v>0</v>
      </c>
      <c r="D1212">
        <v>20.5</v>
      </c>
      <c r="E1212">
        <v>2391.3043478260902</v>
      </c>
    </row>
    <row r="1213" spans="1:5" x14ac:dyDescent="0.25">
      <c r="A1213">
        <v>72660</v>
      </c>
      <c r="B1213">
        <f t="shared" si="18"/>
        <v>20.183333333333334</v>
      </c>
      <c r="C1213" s="2">
        <v>0</v>
      </c>
      <c r="D1213">
        <v>20.5</v>
      </c>
      <c r="E1213">
        <v>2391.3043478260902</v>
      </c>
    </row>
    <row r="1214" spans="1:5" x14ac:dyDescent="0.25">
      <c r="A1214">
        <v>72720</v>
      </c>
      <c r="B1214">
        <f t="shared" si="18"/>
        <v>20.2</v>
      </c>
      <c r="C1214" s="2">
        <v>0</v>
      </c>
      <c r="D1214">
        <v>20.399999999999999</v>
      </c>
      <c r="E1214">
        <v>2391.3043478260902</v>
      </c>
    </row>
    <row r="1215" spans="1:5" x14ac:dyDescent="0.25">
      <c r="A1215">
        <v>72780</v>
      </c>
      <c r="B1215">
        <f t="shared" si="18"/>
        <v>20.216666666666665</v>
      </c>
      <c r="C1215" s="2">
        <v>0</v>
      </c>
      <c r="D1215">
        <v>20.399999999999999</v>
      </c>
      <c r="E1215">
        <v>2391.3043478260902</v>
      </c>
    </row>
    <row r="1216" spans="1:5" x14ac:dyDescent="0.25">
      <c r="A1216">
        <v>72840</v>
      </c>
      <c r="B1216">
        <f t="shared" si="18"/>
        <v>20.233333333333334</v>
      </c>
      <c r="C1216" s="2">
        <v>0</v>
      </c>
      <c r="D1216">
        <v>20.399999999999999</v>
      </c>
      <c r="E1216">
        <v>2391.3043478260902</v>
      </c>
    </row>
    <row r="1217" spans="1:5" x14ac:dyDescent="0.25">
      <c r="A1217">
        <v>72900</v>
      </c>
      <c r="B1217">
        <f t="shared" si="18"/>
        <v>20.25</v>
      </c>
      <c r="C1217" s="2">
        <v>0</v>
      </c>
      <c r="D1217">
        <v>20.399999999999999</v>
      </c>
      <c r="E1217">
        <v>2391.3043478260902</v>
      </c>
    </row>
    <row r="1218" spans="1:5" x14ac:dyDescent="0.25">
      <c r="A1218">
        <v>72960</v>
      </c>
      <c r="B1218">
        <f t="shared" si="18"/>
        <v>20.266666666666666</v>
      </c>
      <c r="C1218" s="2">
        <v>0</v>
      </c>
      <c r="D1218">
        <v>20.399999999999999</v>
      </c>
      <c r="E1218">
        <v>2391.3043478260902</v>
      </c>
    </row>
    <row r="1219" spans="1:5" x14ac:dyDescent="0.25">
      <c r="A1219">
        <v>73020</v>
      </c>
      <c r="B1219">
        <f t="shared" ref="B1219:B1282" si="19">A1219/3600</f>
        <v>20.283333333333335</v>
      </c>
      <c r="C1219" s="2">
        <v>0</v>
      </c>
      <c r="D1219">
        <v>20.399999999999999</v>
      </c>
      <c r="E1219">
        <v>2391.3043478260902</v>
      </c>
    </row>
    <row r="1220" spans="1:5" x14ac:dyDescent="0.25">
      <c r="A1220">
        <v>73080</v>
      </c>
      <c r="B1220">
        <f t="shared" si="19"/>
        <v>20.3</v>
      </c>
      <c r="C1220" s="2">
        <v>0</v>
      </c>
      <c r="D1220">
        <v>20.399999999999999</v>
      </c>
      <c r="E1220">
        <v>2391.3043478260902</v>
      </c>
    </row>
    <row r="1221" spans="1:5" x14ac:dyDescent="0.25">
      <c r="A1221">
        <v>73140</v>
      </c>
      <c r="B1221">
        <f t="shared" si="19"/>
        <v>20.316666666666666</v>
      </c>
      <c r="C1221" s="2">
        <v>0</v>
      </c>
      <c r="D1221">
        <v>20.399999999999999</v>
      </c>
      <c r="E1221">
        <v>2391.3043478260902</v>
      </c>
    </row>
    <row r="1222" spans="1:5" x14ac:dyDescent="0.25">
      <c r="A1222">
        <v>73200</v>
      </c>
      <c r="B1222">
        <f t="shared" si="19"/>
        <v>20.333333333333332</v>
      </c>
      <c r="C1222" s="2">
        <v>0</v>
      </c>
      <c r="D1222">
        <v>20.399999999999999</v>
      </c>
      <c r="E1222">
        <v>2391.3043478260902</v>
      </c>
    </row>
    <row r="1223" spans="1:5" x14ac:dyDescent="0.25">
      <c r="A1223">
        <v>73260</v>
      </c>
      <c r="B1223">
        <f t="shared" si="19"/>
        <v>20.350000000000001</v>
      </c>
      <c r="C1223" s="2">
        <v>0</v>
      </c>
      <c r="D1223">
        <v>20.399999999999999</v>
      </c>
      <c r="E1223">
        <v>2391.3043478260902</v>
      </c>
    </row>
    <row r="1224" spans="1:5" x14ac:dyDescent="0.25">
      <c r="A1224">
        <v>73320</v>
      </c>
      <c r="B1224">
        <f t="shared" si="19"/>
        <v>20.366666666666667</v>
      </c>
      <c r="C1224" s="2">
        <v>0</v>
      </c>
      <c r="D1224">
        <v>20.399999999999999</v>
      </c>
      <c r="E1224">
        <v>2391.3043478260902</v>
      </c>
    </row>
    <row r="1225" spans="1:5" x14ac:dyDescent="0.25">
      <c r="A1225">
        <v>73380</v>
      </c>
      <c r="B1225">
        <f t="shared" si="19"/>
        <v>20.383333333333333</v>
      </c>
      <c r="C1225" s="2">
        <v>0</v>
      </c>
      <c r="D1225">
        <v>20.399999999999999</v>
      </c>
      <c r="E1225">
        <v>2391.3043478260902</v>
      </c>
    </row>
    <row r="1226" spans="1:5" x14ac:dyDescent="0.25">
      <c r="A1226">
        <v>73440</v>
      </c>
      <c r="B1226">
        <f t="shared" si="19"/>
        <v>20.399999999999999</v>
      </c>
      <c r="C1226" s="2">
        <v>0</v>
      </c>
      <c r="D1226">
        <v>20.399999999999999</v>
      </c>
      <c r="E1226">
        <v>2391.3043478260902</v>
      </c>
    </row>
    <row r="1227" spans="1:5" x14ac:dyDescent="0.25">
      <c r="A1227">
        <v>73500</v>
      </c>
      <c r="B1227">
        <f t="shared" si="19"/>
        <v>20.416666666666668</v>
      </c>
      <c r="C1227" s="2">
        <v>0</v>
      </c>
      <c r="D1227">
        <v>20.399999999999999</v>
      </c>
      <c r="E1227">
        <v>2391.3043478260902</v>
      </c>
    </row>
    <row r="1228" spans="1:5" x14ac:dyDescent="0.25">
      <c r="A1228">
        <v>73560</v>
      </c>
      <c r="B1228">
        <f t="shared" si="19"/>
        <v>20.433333333333334</v>
      </c>
      <c r="C1228" s="2">
        <v>0</v>
      </c>
      <c r="D1228">
        <v>20.399999999999999</v>
      </c>
      <c r="E1228">
        <v>2391.3043478260902</v>
      </c>
    </row>
    <row r="1229" spans="1:5" x14ac:dyDescent="0.25">
      <c r="A1229">
        <v>73620</v>
      </c>
      <c r="B1229">
        <f t="shared" si="19"/>
        <v>20.45</v>
      </c>
      <c r="C1229" s="2">
        <v>0</v>
      </c>
      <c r="D1229">
        <v>20.399999999999999</v>
      </c>
      <c r="E1229">
        <v>2391.3043478260902</v>
      </c>
    </row>
    <row r="1230" spans="1:5" x14ac:dyDescent="0.25">
      <c r="A1230">
        <v>73680</v>
      </c>
      <c r="B1230">
        <f t="shared" si="19"/>
        <v>20.466666666666665</v>
      </c>
      <c r="C1230" s="2">
        <v>0</v>
      </c>
      <c r="D1230">
        <v>20.399999999999999</v>
      </c>
      <c r="E1230">
        <v>2391.3043478260902</v>
      </c>
    </row>
    <row r="1231" spans="1:5" x14ac:dyDescent="0.25">
      <c r="A1231">
        <v>73740</v>
      </c>
      <c r="B1231">
        <f t="shared" si="19"/>
        <v>20.483333333333334</v>
      </c>
      <c r="C1231" s="2">
        <v>0</v>
      </c>
      <c r="D1231">
        <v>20.399999999999999</v>
      </c>
      <c r="E1231">
        <v>2391.3043478260902</v>
      </c>
    </row>
    <row r="1232" spans="1:5" x14ac:dyDescent="0.25">
      <c r="A1232">
        <v>73800</v>
      </c>
      <c r="B1232">
        <f t="shared" si="19"/>
        <v>20.5</v>
      </c>
      <c r="C1232" s="2">
        <v>0</v>
      </c>
      <c r="D1232">
        <v>20.399999999999999</v>
      </c>
      <c r="E1232">
        <v>2391.3043478260902</v>
      </c>
    </row>
    <row r="1233" spans="1:5" x14ac:dyDescent="0.25">
      <c r="A1233">
        <v>73860</v>
      </c>
      <c r="B1233">
        <f t="shared" si="19"/>
        <v>20.516666666666666</v>
      </c>
      <c r="C1233" s="2">
        <v>0</v>
      </c>
      <c r="D1233">
        <v>20.399999999999999</v>
      </c>
      <c r="E1233">
        <v>2391.3043478260902</v>
      </c>
    </row>
    <row r="1234" spans="1:5" x14ac:dyDescent="0.25">
      <c r="A1234">
        <v>73920</v>
      </c>
      <c r="B1234">
        <f t="shared" si="19"/>
        <v>20.533333333333335</v>
      </c>
      <c r="C1234" s="2">
        <v>0</v>
      </c>
      <c r="D1234">
        <v>20.3</v>
      </c>
      <c r="E1234">
        <v>2391.3043478260902</v>
      </c>
    </row>
    <row r="1235" spans="1:5" x14ac:dyDescent="0.25">
      <c r="A1235">
        <v>73980</v>
      </c>
      <c r="B1235">
        <f t="shared" si="19"/>
        <v>20.55</v>
      </c>
      <c r="C1235" s="2">
        <v>0</v>
      </c>
      <c r="D1235">
        <v>20.3</v>
      </c>
      <c r="E1235">
        <v>2391.3043478260902</v>
      </c>
    </row>
    <row r="1236" spans="1:5" x14ac:dyDescent="0.25">
      <c r="A1236">
        <v>74040</v>
      </c>
      <c r="B1236">
        <f t="shared" si="19"/>
        <v>20.566666666666666</v>
      </c>
      <c r="C1236" s="2">
        <v>0</v>
      </c>
      <c r="D1236">
        <v>20.3</v>
      </c>
      <c r="E1236">
        <v>2391.3043478260902</v>
      </c>
    </row>
    <row r="1237" spans="1:5" x14ac:dyDescent="0.25">
      <c r="A1237">
        <v>74100</v>
      </c>
      <c r="B1237">
        <f t="shared" si="19"/>
        <v>20.583333333333332</v>
      </c>
      <c r="C1237" s="2">
        <v>0</v>
      </c>
      <c r="D1237">
        <v>20.3</v>
      </c>
      <c r="E1237">
        <v>2391.3043478260902</v>
      </c>
    </row>
    <row r="1238" spans="1:5" x14ac:dyDescent="0.25">
      <c r="A1238">
        <v>74160</v>
      </c>
      <c r="B1238">
        <f t="shared" si="19"/>
        <v>20.6</v>
      </c>
      <c r="C1238" s="2">
        <v>0</v>
      </c>
      <c r="D1238">
        <v>20.3</v>
      </c>
      <c r="E1238">
        <v>2391.3043478260902</v>
      </c>
    </row>
    <row r="1239" spans="1:5" x14ac:dyDescent="0.25">
      <c r="A1239">
        <v>74220</v>
      </c>
      <c r="B1239">
        <f t="shared" si="19"/>
        <v>20.616666666666667</v>
      </c>
      <c r="C1239" s="2">
        <v>0</v>
      </c>
      <c r="D1239">
        <v>20.3</v>
      </c>
      <c r="E1239">
        <v>2391.3043478260902</v>
      </c>
    </row>
    <row r="1240" spans="1:5" x14ac:dyDescent="0.25">
      <c r="A1240">
        <v>74280</v>
      </c>
      <c r="B1240">
        <f t="shared" si="19"/>
        <v>20.633333333333333</v>
      </c>
      <c r="C1240" s="2">
        <v>0</v>
      </c>
      <c r="D1240">
        <v>20.3</v>
      </c>
      <c r="E1240">
        <v>2391.3043478260902</v>
      </c>
    </row>
    <row r="1241" spans="1:5" x14ac:dyDescent="0.25">
      <c r="A1241">
        <v>74340</v>
      </c>
      <c r="B1241">
        <f t="shared" si="19"/>
        <v>20.65</v>
      </c>
      <c r="C1241" s="2">
        <v>0</v>
      </c>
      <c r="D1241">
        <v>20.3</v>
      </c>
      <c r="E1241">
        <v>2391.3043478260902</v>
      </c>
    </row>
    <row r="1242" spans="1:5" x14ac:dyDescent="0.25">
      <c r="A1242">
        <v>74400</v>
      </c>
      <c r="B1242">
        <f t="shared" si="19"/>
        <v>20.666666666666668</v>
      </c>
      <c r="C1242" s="2">
        <v>0</v>
      </c>
      <c r="D1242">
        <v>20.3</v>
      </c>
      <c r="E1242">
        <v>2391.3043478260902</v>
      </c>
    </row>
    <row r="1243" spans="1:5" x14ac:dyDescent="0.25">
      <c r="A1243">
        <v>74460</v>
      </c>
      <c r="B1243">
        <f t="shared" si="19"/>
        <v>20.683333333333334</v>
      </c>
      <c r="C1243" s="2">
        <v>0</v>
      </c>
      <c r="D1243">
        <v>20.3</v>
      </c>
      <c r="E1243">
        <v>2391.3043478260902</v>
      </c>
    </row>
    <row r="1244" spans="1:5" x14ac:dyDescent="0.25">
      <c r="A1244">
        <v>74520</v>
      </c>
      <c r="B1244">
        <f t="shared" si="19"/>
        <v>20.7</v>
      </c>
      <c r="C1244" s="2">
        <v>0</v>
      </c>
      <c r="D1244">
        <v>20.3</v>
      </c>
      <c r="E1244">
        <v>2391.3043478260902</v>
      </c>
    </row>
    <row r="1245" spans="1:5" x14ac:dyDescent="0.25">
      <c r="A1245">
        <v>74580</v>
      </c>
      <c r="B1245">
        <f t="shared" si="19"/>
        <v>20.716666666666665</v>
      </c>
      <c r="C1245" s="2">
        <v>0</v>
      </c>
      <c r="D1245">
        <v>20.3</v>
      </c>
      <c r="E1245">
        <v>2391.3043478260902</v>
      </c>
    </row>
    <row r="1246" spans="1:5" x14ac:dyDescent="0.25">
      <c r="A1246">
        <v>74640</v>
      </c>
      <c r="B1246">
        <f t="shared" si="19"/>
        <v>20.733333333333334</v>
      </c>
      <c r="C1246" s="2">
        <v>0</v>
      </c>
      <c r="D1246">
        <v>20.3</v>
      </c>
      <c r="E1246">
        <v>2391.3043478260902</v>
      </c>
    </row>
    <row r="1247" spans="1:5" x14ac:dyDescent="0.25">
      <c r="A1247">
        <v>74700</v>
      </c>
      <c r="B1247">
        <f t="shared" si="19"/>
        <v>20.75</v>
      </c>
      <c r="C1247" s="2">
        <v>0</v>
      </c>
      <c r="D1247">
        <v>20.3</v>
      </c>
      <c r="E1247">
        <v>2391.3043478260902</v>
      </c>
    </row>
    <row r="1248" spans="1:5" x14ac:dyDescent="0.25">
      <c r="A1248">
        <v>74760</v>
      </c>
      <c r="B1248">
        <f t="shared" si="19"/>
        <v>20.766666666666666</v>
      </c>
      <c r="C1248" s="2">
        <v>0</v>
      </c>
      <c r="D1248">
        <v>20.3</v>
      </c>
      <c r="E1248">
        <v>2391.3043478260902</v>
      </c>
    </row>
    <row r="1249" spans="1:5" x14ac:dyDescent="0.25">
      <c r="A1249">
        <v>74820</v>
      </c>
      <c r="B1249">
        <f t="shared" si="19"/>
        <v>20.783333333333335</v>
      </c>
      <c r="C1249" s="2">
        <v>0</v>
      </c>
      <c r="D1249">
        <v>20.3</v>
      </c>
      <c r="E1249">
        <v>2391.3043478260902</v>
      </c>
    </row>
    <row r="1250" spans="1:5" x14ac:dyDescent="0.25">
      <c r="A1250">
        <v>74880</v>
      </c>
      <c r="B1250">
        <f t="shared" si="19"/>
        <v>20.8</v>
      </c>
      <c r="C1250" s="2">
        <v>0</v>
      </c>
      <c r="D1250">
        <v>20.3</v>
      </c>
      <c r="E1250">
        <v>2391.3043478260902</v>
      </c>
    </row>
    <row r="1251" spans="1:5" x14ac:dyDescent="0.25">
      <c r="A1251">
        <v>74940</v>
      </c>
      <c r="B1251">
        <f t="shared" si="19"/>
        <v>20.816666666666666</v>
      </c>
      <c r="C1251" s="2">
        <v>0</v>
      </c>
      <c r="D1251">
        <v>20.3</v>
      </c>
      <c r="E1251">
        <v>2391.3043478260902</v>
      </c>
    </row>
    <row r="1252" spans="1:5" x14ac:dyDescent="0.25">
      <c r="A1252">
        <v>75000</v>
      </c>
      <c r="B1252">
        <f t="shared" si="19"/>
        <v>20.833333333333332</v>
      </c>
      <c r="C1252" s="2">
        <v>0</v>
      </c>
      <c r="D1252">
        <v>20.3</v>
      </c>
      <c r="E1252">
        <v>2391.3043478260902</v>
      </c>
    </row>
    <row r="1253" spans="1:5" x14ac:dyDescent="0.25">
      <c r="A1253">
        <v>75060</v>
      </c>
      <c r="B1253">
        <f t="shared" si="19"/>
        <v>20.85</v>
      </c>
      <c r="C1253" s="2">
        <v>0</v>
      </c>
      <c r="D1253">
        <v>20.3</v>
      </c>
      <c r="E1253">
        <v>2391.3043478260902</v>
      </c>
    </row>
    <row r="1254" spans="1:5" x14ac:dyDescent="0.25">
      <c r="A1254">
        <v>75120</v>
      </c>
      <c r="B1254">
        <f t="shared" si="19"/>
        <v>20.866666666666667</v>
      </c>
      <c r="C1254" s="2">
        <v>0</v>
      </c>
      <c r="D1254">
        <v>20.3</v>
      </c>
      <c r="E1254">
        <v>2391.3043478260902</v>
      </c>
    </row>
    <row r="1255" spans="1:5" x14ac:dyDescent="0.25">
      <c r="A1255">
        <v>75180</v>
      </c>
      <c r="B1255">
        <f t="shared" si="19"/>
        <v>20.883333333333333</v>
      </c>
      <c r="C1255" s="2">
        <v>0</v>
      </c>
      <c r="D1255">
        <v>20.3</v>
      </c>
      <c r="E1255">
        <v>2391.3043478260902</v>
      </c>
    </row>
    <row r="1256" spans="1:5" x14ac:dyDescent="0.25">
      <c r="A1256">
        <v>75240</v>
      </c>
      <c r="B1256">
        <f t="shared" si="19"/>
        <v>20.9</v>
      </c>
      <c r="C1256" s="2">
        <v>0</v>
      </c>
      <c r="D1256">
        <v>20.2</v>
      </c>
      <c r="E1256">
        <v>2391.3043478260902</v>
      </c>
    </row>
    <row r="1257" spans="1:5" x14ac:dyDescent="0.25">
      <c r="A1257">
        <v>75300</v>
      </c>
      <c r="B1257">
        <f t="shared" si="19"/>
        <v>20.916666666666668</v>
      </c>
      <c r="C1257" s="2">
        <v>0</v>
      </c>
      <c r="D1257">
        <v>20.2</v>
      </c>
      <c r="E1257">
        <v>2391.3043478260902</v>
      </c>
    </row>
    <row r="1258" spans="1:5" x14ac:dyDescent="0.25">
      <c r="A1258">
        <v>75360</v>
      </c>
      <c r="B1258">
        <f t="shared" si="19"/>
        <v>20.933333333333334</v>
      </c>
      <c r="C1258" s="2">
        <v>0</v>
      </c>
      <c r="D1258">
        <v>20.2</v>
      </c>
      <c r="E1258">
        <v>2391.3043478260902</v>
      </c>
    </row>
    <row r="1259" spans="1:5" x14ac:dyDescent="0.25">
      <c r="A1259">
        <v>75420</v>
      </c>
      <c r="B1259">
        <f t="shared" si="19"/>
        <v>20.95</v>
      </c>
      <c r="C1259" s="2">
        <v>0</v>
      </c>
      <c r="D1259">
        <v>20.2</v>
      </c>
      <c r="E1259">
        <v>2391.3043478260902</v>
      </c>
    </row>
    <row r="1260" spans="1:5" x14ac:dyDescent="0.25">
      <c r="A1260">
        <v>75480</v>
      </c>
      <c r="B1260">
        <f t="shared" si="19"/>
        <v>20.966666666666665</v>
      </c>
      <c r="C1260" s="2">
        <v>0</v>
      </c>
      <c r="D1260">
        <v>20.2</v>
      </c>
      <c r="E1260">
        <v>2391.3043478260902</v>
      </c>
    </row>
    <row r="1261" spans="1:5" x14ac:dyDescent="0.25">
      <c r="A1261">
        <v>75540</v>
      </c>
      <c r="B1261">
        <f t="shared" si="19"/>
        <v>20.983333333333334</v>
      </c>
      <c r="C1261" s="2">
        <v>0</v>
      </c>
      <c r="D1261">
        <v>20.2</v>
      </c>
      <c r="E1261">
        <v>2391.3043478260902</v>
      </c>
    </row>
    <row r="1262" spans="1:5" x14ac:dyDescent="0.25">
      <c r="A1262">
        <v>75600</v>
      </c>
      <c r="B1262">
        <f t="shared" si="19"/>
        <v>21</v>
      </c>
      <c r="C1262" s="2">
        <v>0</v>
      </c>
      <c r="D1262">
        <v>20.2</v>
      </c>
      <c r="E1262">
        <v>2391.3043478260902</v>
      </c>
    </row>
    <row r="1263" spans="1:5" x14ac:dyDescent="0.25">
      <c r="A1263">
        <v>75660</v>
      </c>
      <c r="B1263">
        <f t="shared" si="19"/>
        <v>21.016666666666666</v>
      </c>
      <c r="C1263" s="2">
        <v>0</v>
      </c>
      <c r="D1263">
        <v>20.2</v>
      </c>
      <c r="E1263">
        <v>2393.11594202899</v>
      </c>
    </row>
    <row r="1264" spans="1:5" x14ac:dyDescent="0.25">
      <c r="A1264">
        <v>75720</v>
      </c>
      <c r="B1264">
        <f t="shared" si="19"/>
        <v>21.033333333333335</v>
      </c>
      <c r="C1264" s="2">
        <v>0</v>
      </c>
      <c r="D1264">
        <v>20.2</v>
      </c>
      <c r="E1264">
        <v>2394.9275362318799</v>
      </c>
    </row>
    <row r="1265" spans="1:5" x14ac:dyDescent="0.25">
      <c r="A1265">
        <v>75780</v>
      </c>
      <c r="B1265">
        <f t="shared" si="19"/>
        <v>21.05</v>
      </c>
      <c r="C1265" s="2">
        <v>0</v>
      </c>
      <c r="D1265">
        <v>20.2</v>
      </c>
      <c r="E1265">
        <v>2396.7391304347798</v>
      </c>
    </row>
    <row r="1266" spans="1:5" x14ac:dyDescent="0.25">
      <c r="A1266">
        <v>75840</v>
      </c>
      <c r="B1266">
        <f t="shared" si="19"/>
        <v>21.066666666666666</v>
      </c>
      <c r="C1266" s="2">
        <v>0</v>
      </c>
      <c r="D1266">
        <v>20.2</v>
      </c>
      <c r="E1266">
        <v>2398.5507246376801</v>
      </c>
    </row>
    <row r="1267" spans="1:5" x14ac:dyDescent="0.25">
      <c r="A1267">
        <v>75900</v>
      </c>
      <c r="B1267">
        <f t="shared" si="19"/>
        <v>21.083333333333332</v>
      </c>
      <c r="C1267" s="2">
        <v>0</v>
      </c>
      <c r="D1267">
        <v>20.2</v>
      </c>
      <c r="E1267">
        <v>2400.36231884058</v>
      </c>
    </row>
    <row r="1268" spans="1:5" x14ac:dyDescent="0.25">
      <c r="A1268">
        <v>75960</v>
      </c>
      <c r="B1268">
        <f t="shared" si="19"/>
        <v>21.1</v>
      </c>
      <c r="C1268" s="2">
        <v>0</v>
      </c>
      <c r="D1268">
        <v>20.2</v>
      </c>
      <c r="E1268">
        <v>2402.1739130434798</v>
      </c>
    </row>
    <row r="1269" spans="1:5" x14ac:dyDescent="0.25">
      <c r="A1269">
        <v>76020</v>
      </c>
      <c r="B1269">
        <f t="shared" si="19"/>
        <v>21.116666666666667</v>
      </c>
      <c r="C1269" s="2">
        <v>0</v>
      </c>
      <c r="D1269">
        <v>20.2</v>
      </c>
      <c r="E1269">
        <v>2403.9855072463802</v>
      </c>
    </row>
    <row r="1270" spans="1:5" x14ac:dyDescent="0.25">
      <c r="A1270">
        <v>76080</v>
      </c>
      <c r="B1270">
        <f t="shared" si="19"/>
        <v>21.133333333333333</v>
      </c>
      <c r="C1270" s="2">
        <v>0</v>
      </c>
      <c r="D1270">
        <v>20.2</v>
      </c>
      <c r="E1270">
        <v>2405.79710144928</v>
      </c>
    </row>
    <row r="1271" spans="1:5" x14ac:dyDescent="0.25">
      <c r="A1271">
        <v>76140</v>
      </c>
      <c r="B1271">
        <f t="shared" si="19"/>
        <v>21.15</v>
      </c>
      <c r="C1271" s="2">
        <v>0</v>
      </c>
      <c r="D1271">
        <v>20.100000000000001</v>
      </c>
      <c r="E1271">
        <v>2407.6086956521699</v>
      </c>
    </row>
    <row r="1272" spans="1:5" x14ac:dyDescent="0.25">
      <c r="A1272">
        <v>76200</v>
      </c>
      <c r="B1272">
        <f t="shared" si="19"/>
        <v>21.166666666666668</v>
      </c>
      <c r="C1272" s="2">
        <v>0</v>
      </c>
      <c r="D1272">
        <v>20.100000000000001</v>
      </c>
      <c r="E1272">
        <v>2409.4202898550702</v>
      </c>
    </row>
    <row r="1273" spans="1:5" x14ac:dyDescent="0.25">
      <c r="A1273">
        <v>76260</v>
      </c>
      <c r="B1273">
        <f t="shared" si="19"/>
        <v>21.183333333333334</v>
      </c>
      <c r="C1273" s="2">
        <v>0</v>
      </c>
      <c r="D1273">
        <v>20.100000000000001</v>
      </c>
      <c r="E1273">
        <v>2411.2318840579701</v>
      </c>
    </row>
    <row r="1274" spans="1:5" x14ac:dyDescent="0.25">
      <c r="A1274">
        <v>76320</v>
      </c>
      <c r="B1274">
        <f t="shared" si="19"/>
        <v>21.2</v>
      </c>
      <c r="C1274" s="2">
        <v>0</v>
      </c>
      <c r="D1274">
        <v>20.100000000000001</v>
      </c>
      <c r="E1274">
        <v>2413.04347826087</v>
      </c>
    </row>
    <row r="1275" spans="1:5" x14ac:dyDescent="0.25">
      <c r="A1275">
        <v>76380</v>
      </c>
      <c r="B1275">
        <f t="shared" si="19"/>
        <v>21.216666666666665</v>
      </c>
      <c r="C1275" s="2">
        <v>0</v>
      </c>
      <c r="D1275">
        <v>20.100000000000001</v>
      </c>
      <c r="E1275">
        <v>2414.8550724637698</v>
      </c>
    </row>
    <row r="1276" spans="1:5" x14ac:dyDescent="0.25">
      <c r="A1276">
        <v>76440</v>
      </c>
      <c r="B1276">
        <f t="shared" si="19"/>
        <v>21.233333333333334</v>
      </c>
      <c r="C1276" s="2">
        <v>0</v>
      </c>
      <c r="D1276">
        <v>20.100000000000001</v>
      </c>
      <c r="E1276">
        <v>2416.6666666666702</v>
      </c>
    </row>
    <row r="1277" spans="1:5" x14ac:dyDescent="0.25">
      <c r="A1277">
        <v>76500</v>
      </c>
      <c r="B1277">
        <f t="shared" si="19"/>
        <v>21.25</v>
      </c>
      <c r="C1277" s="2">
        <v>0</v>
      </c>
      <c r="D1277">
        <v>20.100000000000001</v>
      </c>
      <c r="E1277">
        <v>2418.47826086957</v>
      </c>
    </row>
    <row r="1278" spans="1:5" x14ac:dyDescent="0.25">
      <c r="A1278">
        <v>76560</v>
      </c>
      <c r="B1278">
        <f t="shared" si="19"/>
        <v>21.266666666666666</v>
      </c>
      <c r="C1278" s="2">
        <v>0</v>
      </c>
      <c r="D1278">
        <v>20</v>
      </c>
      <c r="E1278">
        <v>2420.2898550724599</v>
      </c>
    </row>
    <row r="1279" spans="1:5" x14ac:dyDescent="0.25">
      <c r="A1279">
        <v>76620</v>
      </c>
      <c r="B1279">
        <f t="shared" si="19"/>
        <v>21.283333333333335</v>
      </c>
      <c r="C1279" s="2">
        <v>0</v>
      </c>
      <c r="D1279">
        <v>20</v>
      </c>
      <c r="E1279">
        <v>2422.1014492753602</v>
      </c>
    </row>
    <row r="1280" spans="1:5" x14ac:dyDescent="0.25">
      <c r="A1280">
        <v>76680</v>
      </c>
      <c r="B1280">
        <f t="shared" si="19"/>
        <v>21.3</v>
      </c>
      <c r="C1280" s="2">
        <v>0</v>
      </c>
      <c r="D1280">
        <v>20</v>
      </c>
      <c r="E1280">
        <v>2423.9130434782601</v>
      </c>
    </row>
    <row r="1281" spans="1:5" x14ac:dyDescent="0.25">
      <c r="A1281">
        <v>76740</v>
      </c>
      <c r="B1281">
        <f t="shared" si="19"/>
        <v>21.316666666666666</v>
      </c>
      <c r="C1281" s="2">
        <v>0</v>
      </c>
      <c r="D1281">
        <v>20</v>
      </c>
      <c r="E1281">
        <v>2425.7246376811599</v>
      </c>
    </row>
    <row r="1282" spans="1:5" x14ac:dyDescent="0.25">
      <c r="A1282">
        <v>76800</v>
      </c>
      <c r="B1282">
        <f t="shared" si="19"/>
        <v>21.333333333333332</v>
      </c>
      <c r="C1282" s="2">
        <v>0</v>
      </c>
      <c r="D1282">
        <v>20</v>
      </c>
      <c r="E1282">
        <v>2427.5362318840598</v>
      </c>
    </row>
    <row r="1283" spans="1:5" x14ac:dyDescent="0.25">
      <c r="A1283">
        <v>76860</v>
      </c>
      <c r="B1283">
        <f t="shared" ref="B1283:B1346" si="20">A1283/3600</f>
        <v>21.35</v>
      </c>
      <c r="C1283" s="2">
        <v>0</v>
      </c>
      <c r="D1283">
        <v>20</v>
      </c>
      <c r="E1283">
        <v>2429.3478260869601</v>
      </c>
    </row>
    <row r="1284" spans="1:5" x14ac:dyDescent="0.25">
      <c r="A1284">
        <v>76920</v>
      </c>
      <c r="B1284">
        <f t="shared" si="20"/>
        <v>21.366666666666667</v>
      </c>
      <c r="C1284" s="2">
        <v>0</v>
      </c>
      <c r="D1284">
        <v>20</v>
      </c>
      <c r="E1284">
        <v>2431.15942028986</v>
      </c>
    </row>
    <row r="1285" spans="1:5" x14ac:dyDescent="0.25">
      <c r="A1285">
        <v>76980</v>
      </c>
      <c r="B1285">
        <f t="shared" si="20"/>
        <v>21.383333333333333</v>
      </c>
      <c r="C1285" s="2">
        <v>0</v>
      </c>
      <c r="D1285">
        <v>19.899999999999999</v>
      </c>
      <c r="E1285">
        <v>2432.9710144927499</v>
      </c>
    </row>
    <row r="1286" spans="1:5" x14ac:dyDescent="0.25">
      <c r="A1286">
        <v>77040</v>
      </c>
      <c r="B1286">
        <f t="shared" si="20"/>
        <v>21.4</v>
      </c>
      <c r="C1286" s="2">
        <v>0</v>
      </c>
      <c r="D1286">
        <v>19.899999999999999</v>
      </c>
      <c r="E1286">
        <v>2434.7826086956502</v>
      </c>
    </row>
    <row r="1287" spans="1:5" x14ac:dyDescent="0.25">
      <c r="A1287">
        <v>77100</v>
      </c>
      <c r="B1287">
        <f t="shared" si="20"/>
        <v>21.416666666666668</v>
      </c>
      <c r="C1287" s="2">
        <v>0</v>
      </c>
      <c r="D1287">
        <v>19.899999999999999</v>
      </c>
      <c r="E1287">
        <v>2436.5942028985501</v>
      </c>
    </row>
    <row r="1288" spans="1:5" x14ac:dyDescent="0.25">
      <c r="A1288">
        <v>77160</v>
      </c>
      <c r="B1288">
        <f t="shared" si="20"/>
        <v>21.433333333333334</v>
      </c>
      <c r="C1288" s="2">
        <v>0</v>
      </c>
      <c r="D1288">
        <v>19.899999999999999</v>
      </c>
      <c r="E1288">
        <v>2438.4057971014499</v>
      </c>
    </row>
    <row r="1289" spans="1:5" x14ac:dyDescent="0.25">
      <c r="A1289">
        <v>77220</v>
      </c>
      <c r="B1289">
        <f t="shared" si="20"/>
        <v>21.45</v>
      </c>
      <c r="C1289" s="2">
        <v>0</v>
      </c>
      <c r="D1289">
        <v>19.899999999999999</v>
      </c>
      <c r="E1289">
        <v>2440.2173913043498</v>
      </c>
    </row>
    <row r="1290" spans="1:5" x14ac:dyDescent="0.25">
      <c r="A1290">
        <v>77280</v>
      </c>
      <c r="B1290">
        <f t="shared" si="20"/>
        <v>21.466666666666665</v>
      </c>
      <c r="C1290" s="2">
        <v>0</v>
      </c>
      <c r="D1290">
        <v>19.899999999999999</v>
      </c>
      <c r="E1290">
        <v>2442.0289855072501</v>
      </c>
    </row>
    <row r="1291" spans="1:5" x14ac:dyDescent="0.25">
      <c r="A1291">
        <v>77340</v>
      </c>
      <c r="B1291">
        <f t="shared" si="20"/>
        <v>21.483333333333334</v>
      </c>
      <c r="C1291" s="2">
        <v>0</v>
      </c>
      <c r="D1291">
        <v>19.8</v>
      </c>
      <c r="E1291">
        <v>2443.84057971015</v>
      </c>
    </row>
    <row r="1292" spans="1:5" x14ac:dyDescent="0.25">
      <c r="A1292">
        <v>77400</v>
      </c>
      <c r="B1292">
        <f t="shared" si="20"/>
        <v>21.5</v>
      </c>
      <c r="C1292" s="2">
        <v>0</v>
      </c>
      <c r="D1292">
        <v>19.8</v>
      </c>
      <c r="E1292">
        <v>2445.6521739130399</v>
      </c>
    </row>
    <row r="1293" spans="1:5" x14ac:dyDescent="0.25">
      <c r="A1293">
        <v>77460</v>
      </c>
      <c r="B1293">
        <f t="shared" si="20"/>
        <v>21.516666666666666</v>
      </c>
      <c r="C1293" s="2">
        <v>0</v>
      </c>
      <c r="D1293">
        <v>19.8</v>
      </c>
      <c r="E1293">
        <v>2447.4637681159402</v>
      </c>
    </row>
    <row r="1294" spans="1:5" x14ac:dyDescent="0.25">
      <c r="A1294">
        <v>77520</v>
      </c>
      <c r="B1294">
        <f t="shared" si="20"/>
        <v>21.533333333333335</v>
      </c>
      <c r="C1294" s="2">
        <v>0</v>
      </c>
      <c r="D1294">
        <v>19.8</v>
      </c>
      <c r="E1294">
        <v>2449.2753623188401</v>
      </c>
    </row>
    <row r="1295" spans="1:5" x14ac:dyDescent="0.25">
      <c r="A1295">
        <v>77580</v>
      </c>
      <c r="B1295">
        <f t="shared" si="20"/>
        <v>21.55</v>
      </c>
      <c r="C1295" s="2">
        <v>0</v>
      </c>
      <c r="D1295">
        <v>19.8</v>
      </c>
      <c r="E1295">
        <v>2451.0869565217399</v>
      </c>
    </row>
    <row r="1296" spans="1:5" x14ac:dyDescent="0.25">
      <c r="A1296">
        <v>77640</v>
      </c>
      <c r="B1296">
        <f t="shared" si="20"/>
        <v>21.566666666666666</v>
      </c>
      <c r="C1296" s="2">
        <v>0</v>
      </c>
      <c r="D1296">
        <v>19.8</v>
      </c>
      <c r="E1296">
        <v>2452.8985507246398</v>
      </c>
    </row>
    <row r="1297" spans="1:5" x14ac:dyDescent="0.25">
      <c r="A1297">
        <v>77700</v>
      </c>
      <c r="B1297">
        <f t="shared" si="20"/>
        <v>21.583333333333332</v>
      </c>
      <c r="C1297" s="2">
        <v>0</v>
      </c>
      <c r="D1297">
        <v>19.8</v>
      </c>
      <c r="E1297">
        <v>2454.7101449275401</v>
      </c>
    </row>
    <row r="1298" spans="1:5" x14ac:dyDescent="0.25">
      <c r="A1298">
        <v>77760</v>
      </c>
      <c r="B1298">
        <f t="shared" si="20"/>
        <v>21.6</v>
      </c>
      <c r="C1298" s="2">
        <v>0</v>
      </c>
      <c r="D1298">
        <v>19.8</v>
      </c>
      <c r="E1298">
        <v>2456.52173913044</v>
      </c>
    </row>
    <row r="1299" spans="1:5" x14ac:dyDescent="0.25">
      <c r="A1299">
        <v>77820</v>
      </c>
      <c r="B1299">
        <f t="shared" si="20"/>
        <v>21.616666666666667</v>
      </c>
      <c r="C1299" s="2">
        <v>0</v>
      </c>
      <c r="D1299">
        <v>19.8</v>
      </c>
      <c r="E1299">
        <v>2458.3333333333298</v>
      </c>
    </row>
    <row r="1300" spans="1:5" x14ac:dyDescent="0.25">
      <c r="A1300">
        <v>77880</v>
      </c>
      <c r="B1300">
        <f t="shared" si="20"/>
        <v>21.633333333333333</v>
      </c>
      <c r="C1300" s="2">
        <v>0</v>
      </c>
      <c r="D1300">
        <v>19.8</v>
      </c>
      <c r="E1300">
        <v>2460.1449275362302</v>
      </c>
    </row>
    <row r="1301" spans="1:5" x14ac:dyDescent="0.25">
      <c r="A1301">
        <v>77940</v>
      </c>
      <c r="B1301">
        <f t="shared" si="20"/>
        <v>21.65</v>
      </c>
      <c r="C1301" s="2">
        <v>0</v>
      </c>
      <c r="D1301">
        <v>19.8</v>
      </c>
      <c r="E1301">
        <v>2461.95652173913</v>
      </c>
    </row>
    <row r="1302" spans="1:5" x14ac:dyDescent="0.25">
      <c r="A1302">
        <v>78000</v>
      </c>
      <c r="B1302">
        <f t="shared" si="20"/>
        <v>21.666666666666668</v>
      </c>
      <c r="C1302" s="2">
        <v>0</v>
      </c>
      <c r="D1302">
        <v>19.8</v>
      </c>
      <c r="E1302">
        <v>2463.7681159420299</v>
      </c>
    </row>
    <row r="1303" spans="1:5" x14ac:dyDescent="0.25">
      <c r="A1303">
        <v>78060</v>
      </c>
      <c r="B1303">
        <f t="shared" si="20"/>
        <v>21.683333333333334</v>
      </c>
      <c r="C1303" s="2">
        <v>0</v>
      </c>
      <c r="D1303">
        <v>19.8</v>
      </c>
      <c r="E1303">
        <v>2465.5797101449298</v>
      </c>
    </row>
    <row r="1304" spans="1:5" x14ac:dyDescent="0.25">
      <c r="A1304">
        <v>78120</v>
      </c>
      <c r="B1304">
        <f t="shared" si="20"/>
        <v>21.7</v>
      </c>
      <c r="C1304" s="2">
        <v>0</v>
      </c>
      <c r="D1304">
        <v>19.7</v>
      </c>
      <c r="E1304">
        <v>2467.3913043478301</v>
      </c>
    </row>
    <row r="1305" spans="1:5" x14ac:dyDescent="0.25">
      <c r="A1305">
        <v>78180</v>
      </c>
      <c r="B1305">
        <f t="shared" si="20"/>
        <v>21.716666666666665</v>
      </c>
      <c r="C1305" s="2">
        <v>0</v>
      </c>
      <c r="D1305">
        <v>19.7</v>
      </c>
      <c r="E1305">
        <v>2469.20289855073</v>
      </c>
    </row>
    <row r="1306" spans="1:5" x14ac:dyDescent="0.25">
      <c r="A1306">
        <v>78240</v>
      </c>
      <c r="B1306">
        <f t="shared" si="20"/>
        <v>21.733333333333334</v>
      </c>
      <c r="C1306" s="2">
        <v>0</v>
      </c>
      <c r="D1306">
        <v>19.7</v>
      </c>
      <c r="E1306">
        <v>2471.0144927536198</v>
      </c>
    </row>
    <row r="1307" spans="1:5" x14ac:dyDescent="0.25">
      <c r="A1307">
        <v>78300</v>
      </c>
      <c r="B1307">
        <f t="shared" si="20"/>
        <v>21.75</v>
      </c>
      <c r="C1307" s="2">
        <v>0</v>
      </c>
      <c r="D1307">
        <v>19.7</v>
      </c>
      <c r="E1307">
        <v>2472.8260869565202</v>
      </c>
    </row>
    <row r="1308" spans="1:5" x14ac:dyDescent="0.25">
      <c r="A1308">
        <v>78360</v>
      </c>
      <c r="B1308">
        <f t="shared" si="20"/>
        <v>21.766666666666666</v>
      </c>
      <c r="C1308" s="2">
        <v>0</v>
      </c>
      <c r="D1308">
        <v>19.600000000000001</v>
      </c>
      <c r="E1308">
        <v>2474.63768115942</v>
      </c>
    </row>
    <row r="1309" spans="1:5" x14ac:dyDescent="0.25">
      <c r="A1309">
        <v>78420</v>
      </c>
      <c r="B1309">
        <f t="shared" si="20"/>
        <v>21.783333333333335</v>
      </c>
      <c r="C1309" s="2">
        <v>0</v>
      </c>
      <c r="D1309">
        <v>19.600000000000001</v>
      </c>
      <c r="E1309">
        <v>2476.4492753623199</v>
      </c>
    </row>
    <row r="1310" spans="1:5" x14ac:dyDescent="0.25">
      <c r="A1310">
        <v>78480</v>
      </c>
      <c r="B1310">
        <f t="shared" si="20"/>
        <v>21.8</v>
      </c>
      <c r="C1310" s="2">
        <v>0</v>
      </c>
      <c r="D1310">
        <v>19.600000000000001</v>
      </c>
      <c r="E1310">
        <v>2478.2608695652202</v>
      </c>
    </row>
    <row r="1311" spans="1:5" x14ac:dyDescent="0.25">
      <c r="A1311">
        <v>78540</v>
      </c>
      <c r="B1311">
        <f t="shared" si="20"/>
        <v>21.816666666666666</v>
      </c>
      <c r="C1311" s="2">
        <v>0</v>
      </c>
      <c r="D1311">
        <v>19.600000000000001</v>
      </c>
      <c r="E1311">
        <v>2480.0724637681201</v>
      </c>
    </row>
    <row r="1312" spans="1:5" x14ac:dyDescent="0.25">
      <c r="A1312">
        <v>78600</v>
      </c>
      <c r="B1312">
        <f t="shared" si="20"/>
        <v>21.833333333333332</v>
      </c>
      <c r="C1312" s="2">
        <v>0</v>
      </c>
      <c r="D1312">
        <v>19.600000000000001</v>
      </c>
      <c r="E1312">
        <v>2481.88405797101</v>
      </c>
    </row>
    <row r="1313" spans="1:5" x14ac:dyDescent="0.25">
      <c r="A1313">
        <v>78660</v>
      </c>
      <c r="B1313">
        <f t="shared" si="20"/>
        <v>21.85</v>
      </c>
      <c r="C1313" s="2">
        <v>0</v>
      </c>
      <c r="D1313">
        <v>19.5</v>
      </c>
      <c r="E1313">
        <v>2483.6956521739098</v>
      </c>
    </row>
    <row r="1314" spans="1:5" x14ac:dyDescent="0.25">
      <c r="A1314">
        <v>78720</v>
      </c>
      <c r="B1314">
        <f t="shared" si="20"/>
        <v>21.866666666666667</v>
      </c>
      <c r="C1314" s="2">
        <v>0</v>
      </c>
      <c r="D1314">
        <v>19.5</v>
      </c>
      <c r="E1314">
        <v>2485.5072463768101</v>
      </c>
    </row>
    <row r="1315" spans="1:5" x14ac:dyDescent="0.25">
      <c r="A1315">
        <v>78780</v>
      </c>
      <c r="B1315">
        <f t="shared" si="20"/>
        <v>21.883333333333333</v>
      </c>
      <c r="C1315" s="2">
        <v>0</v>
      </c>
      <c r="D1315">
        <v>19.5</v>
      </c>
      <c r="E1315">
        <v>2487.31884057971</v>
      </c>
    </row>
    <row r="1316" spans="1:5" x14ac:dyDescent="0.25">
      <c r="A1316">
        <v>78840</v>
      </c>
      <c r="B1316">
        <f t="shared" si="20"/>
        <v>21.9</v>
      </c>
      <c r="C1316" s="2">
        <v>0</v>
      </c>
      <c r="D1316">
        <v>19.5</v>
      </c>
      <c r="E1316">
        <v>2489.1304347826099</v>
      </c>
    </row>
    <row r="1317" spans="1:5" x14ac:dyDescent="0.25">
      <c r="A1317">
        <v>78900</v>
      </c>
      <c r="B1317">
        <f t="shared" si="20"/>
        <v>21.916666666666668</v>
      </c>
      <c r="C1317" s="2">
        <v>0</v>
      </c>
      <c r="D1317">
        <v>19.5</v>
      </c>
      <c r="E1317">
        <v>2490.9420289855102</v>
      </c>
    </row>
    <row r="1318" spans="1:5" x14ac:dyDescent="0.25">
      <c r="A1318">
        <v>78960</v>
      </c>
      <c r="B1318">
        <f t="shared" si="20"/>
        <v>21.933333333333334</v>
      </c>
      <c r="C1318" s="2">
        <v>0</v>
      </c>
      <c r="D1318">
        <v>19.5</v>
      </c>
      <c r="E1318">
        <v>2492.7536231884101</v>
      </c>
    </row>
    <row r="1319" spans="1:5" x14ac:dyDescent="0.25">
      <c r="A1319">
        <v>79020</v>
      </c>
      <c r="B1319">
        <f t="shared" si="20"/>
        <v>21.95</v>
      </c>
      <c r="C1319" s="2">
        <v>0</v>
      </c>
      <c r="D1319">
        <v>19.5</v>
      </c>
      <c r="E1319">
        <v>2494.5652173912999</v>
      </c>
    </row>
    <row r="1320" spans="1:5" x14ac:dyDescent="0.25">
      <c r="A1320">
        <v>79080</v>
      </c>
      <c r="B1320">
        <f t="shared" si="20"/>
        <v>21.966666666666665</v>
      </c>
      <c r="C1320" s="2">
        <v>0</v>
      </c>
      <c r="D1320">
        <v>19.5</v>
      </c>
      <c r="E1320">
        <v>2496.3768115941998</v>
      </c>
    </row>
    <row r="1321" spans="1:5" x14ac:dyDescent="0.25">
      <c r="A1321">
        <v>79140</v>
      </c>
      <c r="B1321">
        <f t="shared" si="20"/>
        <v>21.983333333333334</v>
      </c>
      <c r="C1321" s="2">
        <v>0</v>
      </c>
      <c r="D1321">
        <v>19.5</v>
      </c>
      <c r="E1321">
        <v>2498.1884057971001</v>
      </c>
    </row>
    <row r="1322" spans="1:5" x14ac:dyDescent="0.25">
      <c r="A1322">
        <v>79200</v>
      </c>
      <c r="B1322">
        <f t="shared" si="20"/>
        <v>22</v>
      </c>
      <c r="C1322" s="2">
        <v>0</v>
      </c>
      <c r="D1322">
        <v>19.5</v>
      </c>
      <c r="E1322">
        <v>2500</v>
      </c>
    </row>
    <row r="1323" spans="1:5" x14ac:dyDescent="0.25">
      <c r="A1323">
        <v>79260</v>
      </c>
      <c r="B1323">
        <f t="shared" si="20"/>
        <v>22.016666666666666</v>
      </c>
      <c r="C1323" s="2">
        <v>0</v>
      </c>
      <c r="D1323">
        <v>19.5</v>
      </c>
      <c r="E1323">
        <v>2490.9420289855102</v>
      </c>
    </row>
    <row r="1324" spans="1:5" x14ac:dyDescent="0.25">
      <c r="A1324">
        <v>79320</v>
      </c>
      <c r="B1324">
        <f t="shared" si="20"/>
        <v>22.033333333333335</v>
      </c>
      <c r="C1324" s="2">
        <v>0</v>
      </c>
      <c r="D1324">
        <v>19.5</v>
      </c>
      <c r="E1324">
        <v>2481.88405797101</v>
      </c>
    </row>
    <row r="1325" spans="1:5" x14ac:dyDescent="0.25">
      <c r="A1325">
        <v>79380</v>
      </c>
      <c r="B1325">
        <f t="shared" si="20"/>
        <v>22.05</v>
      </c>
      <c r="C1325" s="2">
        <v>0</v>
      </c>
      <c r="D1325">
        <v>19.399999999999999</v>
      </c>
      <c r="E1325">
        <v>2472.8260869565202</v>
      </c>
    </row>
    <row r="1326" spans="1:5" x14ac:dyDescent="0.25">
      <c r="A1326">
        <v>79440</v>
      </c>
      <c r="B1326">
        <f t="shared" si="20"/>
        <v>22.066666666666666</v>
      </c>
      <c r="C1326" s="2">
        <v>0</v>
      </c>
      <c r="D1326">
        <v>19.399999999999999</v>
      </c>
      <c r="E1326">
        <v>2463.7681159420299</v>
      </c>
    </row>
    <row r="1327" spans="1:5" x14ac:dyDescent="0.25">
      <c r="A1327">
        <v>79500</v>
      </c>
      <c r="B1327">
        <f t="shared" si="20"/>
        <v>22.083333333333332</v>
      </c>
      <c r="C1327" s="2">
        <v>0</v>
      </c>
      <c r="D1327">
        <v>19.399999999999999</v>
      </c>
      <c r="E1327">
        <v>2454.7101449275401</v>
      </c>
    </row>
    <row r="1328" spans="1:5" x14ac:dyDescent="0.25">
      <c r="A1328">
        <v>79560</v>
      </c>
      <c r="B1328">
        <f t="shared" si="20"/>
        <v>22.1</v>
      </c>
      <c r="C1328" s="2">
        <v>0</v>
      </c>
      <c r="D1328">
        <v>19.399999999999999</v>
      </c>
      <c r="E1328">
        <v>2445.6521739130399</v>
      </c>
    </row>
    <row r="1329" spans="1:5" x14ac:dyDescent="0.25">
      <c r="A1329">
        <v>79620</v>
      </c>
      <c r="B1329">
        <f t="shared" si="20"/>
        <v>22.116666666666667</v>
      </c>
      <c r="C1329" s="2">
        <v>0</v>
      </c>
      <c r="D1329">
        <v>19.399999999999999</v>
      </c>
      <c r="E1329">
        <v>2436.5942028985501</v>
      </c>
    </row>
    <row r="1330" spans="1:5" x14ac:dyDescent="0.25">
      <c r="A1330">
        <v>79680</v>
      </c>
      <c r="B1330">
        <f t="shared" si="20"/>
        <v>22.133333333333333</v>
      </c>
      <c r="C1330" s="2">
        <v>0</v>
      </c>
      <c r="D1330">
        <v>19.399999999999999</v>
      </c>
      <c r="E1330">
        <v>2427.5362318840598</v>
      </c>
    </row>
    <row r="1331" spans="1:5" x14ac:dyDescent="0.25">
      <c r="A1331">
        <v>79740</v>
      </c>
      <c r="B1331">
        <f t="shared" si="20"/>
        <v>22.15</v>
      </c>
      <c r="C1331" s="2">
        <v>0</v>
      </c>
      <c r="D1331">
        <v>19.399999999999999</v>
      </c>
      <c r="E1331">
        <v>2418.47826086957</v>
      </c>
    </row>
    <row r="1332" spans="1:5" x14ac:dyDescent="0.25">
      <c r="A1332">
        <v>79800</v>
      </c>
      <c r="B1332">
        <f t="shared" si="20"/>
        <v>22.166666666666668</v>
      </c>
      <c r="C1332" s="2">
        <v>0</v>
      </c>
      <c r="D1332">
        <v>19.399999999999999</v>
      </c>
      <c r="E1332">
        <v>2409.4202898550702</v>
      </c>
    </row>
    <row r="1333" spans="1:5" x14ac:dyDescent="0.25">
      <c r="A1333">
        <v>79860</v>
      </c>
      <c r="B1333">
        <f t="shared" si="20"/>
        <v>22.183333333333334</v>
      </c>
      <c r="C1333" s="2">
        <v>0</v>
      </c>
      <c r="D1333">
        <v>19.399999999999999</v>
      </c>
      <c r="E1333">
        <v>2400.36231884058</v>
      </c>
    </row>
    <row r="1334" spans="1:5" x14ac:dyDescent="0.25">
      <c r="A1334">
        <v>79920</v>
      </c>
      <c r="B1334">
        <f t="shared" si="20"/>
        <v>22.2</v>
      </c>
      <c r="C1334" s="2">
        <v>0</v>
      </c>
      <c r="D1334">
        <v>19.399999999999999</v>
      </c>
      <c r="E1334">
        <v>2391.3043478260902</v>
      </c>
    </row>
    <row r="1335" spans="1:5" x14ac:dyDescent="0.25">
      <c r="A1335">
        <v>79980</v>
      </c>
      <c r="B1335">
        <f t="shared" si="20"/>
        <v>22.216666666666665</v>
      </c>
      <c r="C1335" s="2">
        <v>0</v>
      </c>
      <c r="D1335">
        <v>19.399999999999999</v>
      </c>
      <c r="E1335">
        <v>2382.2463768115899</v>
      </c>
    </row>
    <row r="1336" spans="1:5" x14ac:dyDescent="0.25">
      <c r="A1336">
        <v>80040</v>
      </c>
      <c r="B1336">
        <f t="shared" si="20"/>
        <v>22.233333333333334</v>
      </c>
      <c r="C1336" s="2">
        <v>0</v>
      </c>
      <c r="D1336">
        <v>19.399999999999999</v>
      </c>
      <c r="E1336">
        <v>2373.1884057971001</v>
      </c>
    </row>
    <row r="1337" spans="1:5" x14ac:dyDescent="0.25">
      <c r="A1337">
        <v>80100</v>
      </c>
      <c r="B1337">
        <f t="shared" si="20"/>
        <v>22.25</v>
      </c>
      <c r="C1337" s="2">
        <v>0</v>
      </c>
      <c r="D1337">
        <v>19.399999999999999</v>
      </c>
      <c r="E1337">
        <v>2364.1304347826099</v>
      </c>
    </row>
    <row r="1338" spans="1:5" x14ac:dyDescent="0.25">
      <c r="A1338">
        <v>80160</v>
      </c>
      <c r="B1338">
        <f t="shared" si="20"/>
        <v>22.266666666666666</v>
      </c>
      <c r="C1338" s="2">
        <v>0</v>
      </c>
      <c r="D1338">
        <v>19.399999999999999</v>
      </c>
      <c r="E1338">
        <v>2355.0724637681201</v>
      </c>
    </row>
    <row r="1339" spans="1:5" x14ac:dyDescent="0.25">
      <c r="A1339">
        <v>80220</v>
      </c>
      <c r="B1339">
        <f t="shared" si="20"/>
        <v>22.283333333333335</v>
      </c>
      <c r="C1339" s="2">
        <v>0</v>
      </c>
      <c r="D1339">
        <v>19.3</v>
      </c>
      <c r="E1339">
        <v>2346.0144927536198</v>
      </c>
    </row>
    <row r="1340" spans="1:5" x14ac:dyDescent="0.25">
      <c r="A1340">
        <v>80280</v>
      </c>
      <c r="B1340">
        <f t="shared" si="20"/>
        <v>22.3</v>
      </c>
      <c r="C1340" s="2">
        <v>0</v>
      </c>
      <c r="D1340">
        <v>19.3</v>
      </c>
      <c r="E1340">
        <v>2336.95652173913</v>
      </c>
    </row>
    <row r="1341" spans="1:5" x14ac:dyDescent="0.25">
      <c r="A1341">
        <v>80340</v>
      </c>
      <c r="B1341">
        <f t="shared" si="20"/>
        <v>22.316666666666666</v>
      </c>
      <c r="C1341" s="2">
        <v>0</v>
      </c>
      <c r="D1341">
        <v>19.3</v>
      </c>
      <c r="E1341">
        <v>2327.8985507246398</v>
      </c>
    </row>
    <row r="1342" spans="1:5" x14ac:dyDescent="0.25">
      <c r="A1342">
        <v>80400</v>
      </c>
      <c r="B1342">
        <f t="shared" si="20"/>
        <v>22.333333333333332</v>
      </c>
      <c r="C1342" s="2">
        <v>0</v>
      </c>
      <c r="D1342">
        <v>19.3</v>
      </c>
      <c r="E1342">
        <v>2318.84057971015</v>
      </c>
    </row>
    <row r="1343" spans="1:5" x14ac:dyDescent="0.25">
      <c r="A1343">
        <v>80460</v>
      </c>
      <c r="B1343">
        <f t="shared" si="20"/>
        <v>22.35</v>
      </c>
      <c r="C1343" s="2">
        <v>0</v>
      </c>
      <c r="D1343">
        <v>19.3</v>
      </c>
      <c r="E1343">
        <v>2309.7826086956502</v>
      </c>
    </row>
    <row r="1344" spans="1:5" x14ac:dyDescent="0.25">
      <c r="A1344">
        <v>80520</v>
      </c>
      <c r="B1344">
        <f t="shared" si="20"/>
        <v>22.366666666666667</v>
      </c>
      <c r="C1344" s="2">
        <v>0</v>
      </c>
      <c r="D1344">
        <v>19.3</v>
      </c>
      <c r="E1344">
        <v>2300.7246376811599</v>
      </c>
    </row>
    <row r="1345" spans="1:5" x14ac:dyDescent="0.25">
      <c r="A1345">
        <v>80580</v>
      </c>
      <c r="B1345">
        <f t="shared" si="20"/>
        <v>22.383333333333333</v>
      </c>
      <c r="C1345" s="2">
        <v>0</v>
      </c>
      <c r="D1345">
        <v>19.3</v>
      </c>
      <c r="E1345">
        <v>2291.6666666666702</v>
      </c>
    </row>
    <row r="1346" spans="1:5" x14ac:dyDescent="0.25">
      <c r="A1346">
        <v>80640</v>
      </c>
      <c r="B1346">
        <f t="shared" si="20"/>
        <v>22.4</v>
      </c>
      <c r="C1346" s="2">
        <v>0</v>
      </c>
      <c r="D1346">
        <v>19.3</v>
      </c>
      <c r="E1346">
        <v>2282.6086956521699</v>
      </c>
    </row>
    <row r="1347" spans="1:5" x14ac:dyDescent="0.25">
      <c r="A1347">
        <v>80700</v>
      </c>
      <c r="B1347">
        <f t="shared" ref="B1347:B1410" si="21">A1347/3600</f>
        <v>22.416666666666668</v>
      </c>
      <c r="C1347" s="2">
        <v>0</v>
      </c>
      <c r="D1347">
        <v>19.3</v>
      </c>
      <c r="E1347">
        <v>2273.5507246376801</v>
      </c>
    </row>
    <row r="1348" spans="1:5" x14ac:dyDescent="0.25">
      <c r="A1348">
        <v>80760</v>
      </c>
      <c r="B1348">
        <f t="shared" si="21"/>
        <v>22.433333333333334</v>
      </c>
      <c r="C1348" s="2">
        <v>0</v>
      </c>
      <c r="D1348">
        <v>19.3</v>
      </c>
      <c r="E1348">
        <v>2264.4927536231899</v>
      </c>
    </row>
    <row r="1349" spans="1:5" x14ac:dyDescent="0.25">
      <c r="A1349">
        <v>80820</v>
      </c>
      <c r="B1349">
        <f t="shared" si="21"/>
        <v>22.45</v>
      </c>
      <c r="C1349" s="2">
        <v>0</v>
      </c>
      <c r="D1349">
        <v>19.3</v>
      </c>
      <c r="E1349">
        <v>2255.4347826087001</v>
      </c>
    </row>
    <row r="1350" spans="1:5" x14ac:dyDescent="0.25">
      <c r="A1350">
        <v>80880</v>
      </c>
      <c r="B1350">
        <f t="shared" si="21"/>
        <v>22.466666666666665</v>
      </c>
      <c r="C1350" s="2">
        <v>0</v>
      </c>
      <c r="D1350">
        <v>19.2</v>
      </c>
      <c r="E1350">
        <v>2246.3768115941998</v>
      </c>
    </row>
    <row r="1351" spans="1:5" x14ac:dyDescent="0.25">
      <c r="A1351">
        <v>80940</v>
      </c>
      <c r="B1351">
        <f t="shared" si="21"/>
        <v>22.483333333333334</v>
      </c>
      <c r="C1351" s="2">
        <v>0</v>
      </c>
      <c r="D1351">
        <v>19.2</v>
      </c>
      <c r="E1351">
        <v>2237.31884057971</v>
      </c>
    </row>
    <row r="1352" spans="1:5" x14ac:dyDescent="0.25">
      <c r="A1352">
        <v>81000</v>
      </c>
      <c r="B1352">
        <f t="shared" si="21"/>
        <v>22.5</v>
      </c>
      <c r="C1352" s="2">
        <v>0</v>
      </c>
      <c r="D1352">
        <v>19.2</v>
      </c>
      <c r="E1352">
        <v>2228.2608695652202</v>
      </c>
    </row>
    <row r="1353" spans="1:5" x14ac:dyDescent="0.25">
      <c r="A1353">
        <v>81060</v>
      </c>
      <c r="B1353">
        <f t="shared" si="21"/>
        <v>22.516666666666666</v>
      </c>
      <c r="C1353" s="2">
        <v>0</v>
      </c>
      <c r="D1353">
        <v>19.2</v>
      </c>
      <c r="E1353">
        <v>2219.20289855072</v>
      </c>
    </row>
    <row r="1354" spans="1:5" x14ac:dyDescent="0.25">
      <c r="A1354">
        <v>81120</v>
      </c>
      <c r="B1354">
        <f t="shared" si="21"/>
        <v>22.533333333333335</v>
      </c>
      <c r="C1354" s="2">
        <v>0</v>
      </c>
      <c r="D1354">
        <v>19.2</v>
      </c>
      <c r="E1354">
        <v>2210.1449275362302</v>
      </c>
    </row>
    <row r="1355" spans="1:5" x14ac:dyDescent="0.25">
      <c r="A1355">
        <v>81180</v>
      </c>
      <c r="B1355">
        <f t="shared" si="21"/>
        <v>22.55</v>
      </c>
      <c r="C1355" s="2">
        <v>0</v>
      </c>
      <c r="D1355">
        <v>19.2</v>
      </c>
      <c r="E1355">
        <v>2201.0869565217399</v>
      </c>
    </row>
    <row r="1356" spans="1:5" x14ac:dyDescent="0.25">
      <c r="A1356">
        <v>81240</v>
      </c>
      <c r="B1356">
        <f t="shared" si="21"/>
        <v>22.566666666666666</v>
      </c>
      <c r="C1356" s="2">
        <v>0</v>
      </c>
      <c r="D1356">
        <v>19.2</v>
      </c>
      <c r="E1356">
        <v>2192.0289855072501</v>
      </c>
    </row>
    <row r="1357" spans="1:5" x14ac:dyDescent="0.25">
      <c r="A1357">
        <v>81300</v>
      </c>
      <c r="B1357">
        <f t="shared" si="21"/>
        <v>22.583333333333332</v>
      </c>
      <c r="C1357" s="2">
        <v>0</v>
      </c>
      <c r="D1357">
        <v>19.2</v>
      </c>
      <c r="E1357">
        <v>2182.9710144927499</v>
      </c>
    </row>
    <row r="1358" spans="1:5" x14ac:dyDescent="0.25">
      <c r="A1358">
        <v>81360</v>
      </c>
      <c r="B1358">
        <f t="shared" si="21"/>
        <v>22.6</v>
      </c>
      <c r="C1358" s="2">
        <v>0</v>
      </c>
      <c r="D1358">
        <v>19.2</v>
      </c>
      <c r="E1358">
        <v>2173.9130434782601</v>
      </c>
    </row>
    <row r="1359" spans="1:5" x14ac:dyDescent="0.25">
      <c r="A1359">
        <v>81420</v>
      </c>
      <c r="B1359">
        <f t="shared" si="21"/>
        <v>22.616666666666667</v>
      </c>
      <c r="C1359" s="2">
        <v>0</v>
      </c>
      <c r="D1359">
        <v>19.2</v>
      </c>
      <c r="E1359">
        <v>2164.8550724637698</v>
      </c>
    </row>
    <row r="1360" spans="1:5" x14ac:dyDescent="0.25">
      <c r="A1360">
        <v>81480</v>
      </c>
      <c r="B1360">
        <f t="shared" si="21"/>
        <v>22.633333333333333</v>
      </c>
      <c r="C1360" s="2">
        <v>0</v>
      </c>
      <c r="D1360">
        <v>19.2</v>
      </c>
      <c r="E1360">
        <v>2155.79710144928</v>
      </c>
    </row>
    <row r="1361" spans="1:5" x14ac:dyDescent="0.25">
      <c r="A1361">
        <v>81540</v>
      </c>
      <c r="B1361">
        <f t="shared" si="21"/>
        <v>22.65</v>
      </c>
      <c r="C1361" s="2">
        <v>0</v>
      </c>
      <c r="D1361">
        <v>19.2</v>
      </c>
      <c r="E1361">
        <v>2146.7391304347798</v>
      </c>
    </row>
    <row r="1362" spans="1:5" x14ac:dyDescent="0.25">
      <c r="A1362">
        <v>81600</v>
      </c>
      <c r="B1362">
        <f t="shared" si="21"/>
        <v>22.666666666666668</v>
      </c>
      <c r="C1362" s="2">
        <v>0</v>
      </c>
      <c r="D1362">
        <v>19.2</v>
      </c>
      <c r="E1362">
        <v>2137.68115942029</v>
      </c>
    </row>
    <row r="1363" spans="1:5" x14ac:dyDescent="0.25">
      <c r="A1363">
        <v>81660</v>
      </c>
      <c r="B1363">
        <f t="shared" si="21"/>
        <v>22.683333333333334</v>
      </c>
      <c r="C1363" s="2">
        <v>0</v>
      </c>
      <c r="D1363">
        <v>19.2</v>
      </c>
      <c r="E1363">
        <v>2128.6231884058002</v>
      </c>
    </row>
    <row r="1364" spans="1:5" x14ac:dyDescent="0.25">
      <c r="A1364">
        <v>81720</v>
      </c>
      <c r="B1364">
        <f t="shared" si="21"/>
        <v>22.7</v>
      </c>
      <c r="C1364" s="2">
        <v>0</v>
      </c>
      <c r="D1364">
        <v>19.2</v>
      </c>
      <c r="E1364">
        <v>2119.5652173912999</v>
      </c>
    </row>
    <row r="1365" spans="1:5" x14ac:dyDescent="0.25">
      <c r="A1365">
        <v>81780</v>
      </c>
      <c r="B1365">
        <f t="shared" si="21"/>
        <v>22.716666666666665</v>
      </c>
      <c r="C1365" s="2">
        <v>0</v>
      </c>
      <c r="D1365">
        <v>19.2</v>
      </c>
      <c r="E1365">
        <v>2110.5072463768101</v>
      </c>
    </row>
    <row r="1366" spans="1:5" x14ac:dyDescent="0.25">
      <c r="A1366">
        <v>81840</v>
      </c>
      <c r="B1366">
        <f t="shared" si="21"/>
        <v>22.733333333333334</v>
      </c>
      <c r="C1366" s="2">
        <v>0</v>
      </c>
      <c r="D1366">
        <v>19.2</v>
      </c>
      <c r="E1366">
        <v>2101.4492753623199</v>
      </c>
    </row>
    <row r="1367" spans="1:5" x14ac:dyDescent="0.25">
      <c r="A1367">
        <v>81900</v>
      </c>
      <c r="B1367">
        <f t="shared" si="21"/>
        <v>22.75</v>
      </c>
      <c r="C1367" s="2">
        <v>0</v>
      </c>
      <c r="D1367">
        <v>19.100000000000001</v>
      </c>
      <c r="E1367">
        <v>2092.3913043478301</v>
      </c>
    </row>
    <row r="1368" spans="1:5" x14ac:dyDescent="0.25">
      <c r="A1368">
        <v>81960</v>
      </c>
      <c r="B1368">
        <f t="shared" si="21"/>
        <v>22.766666666666666</v>
      </c>
      <c r="C1368" s="2">
        <v>0</v>
      </c>
      <c r="D1368">
        <v>19.100000000000001</v>
      </c>
      <c r="E1368">
        <v>2083.3333333333298</v>
      </c>
    </row>
    <row r="1369" spans="1:5" x14ac:dyDescent="0.25">
      <c r="A1369">
        <v>82020</v>
      </c>
      <c r="B1369">
        <f t="shared" si="21"/>
        <v>22.783333333333335</v>
      </c>
      <c r="C1369" s="2">
        <v>0</v>
      </c>
      <c r="D1369">
        <v>19.100000000000001</v>
      </c>
      <c r="E1369">
        <v>2074.2753623188401</v>
      </c>
    </row>
    <row r="1370" spans="1:5" x14ac:dyDescent="0.25">
      <c r="A1370">
        <v>82080</v>
      </c>
      <c r="B1370">
        <f t="shared" si="21"/>
        <v>22.8</v>
      </c>
      <c r="C1370" s="2">
        <v>0</v>
      </c>
      <c r="D1370">
        <v>19.100000000000001</v>
      </c>
      <c r="E1370">
        <v>2065.2173913043498</v>
      </c>
    </row>
    <row r="1371" spans="1:5" x14ac:dyDescent="0.25">
      <c r="A1371">
        <v>82140</v>
      </c>
      <c r="B1371">
        <f t="shared" si="21"/>
        <v>22.816666666666666</v>
      </c>
      <c r="C1371" s="2">
        <v>0</v>
      </c>
      <c r="D1371">
        <v>19.100000000000001</v>
      </c>
      <c r="E1371">
        <v>2056.15942028986</v>
      </c>
    </row>
    <row r="1372" spans="1:5" x14ac:dyDescent="0.25">
      <c r="A1372">
        <v>82200</v>
      </c>
      <c r="B1372">
        <f t="shared" si="21"/>
        <v>22.833333333333332</v>
      </c>
      <c r="C1372" s="2">
        <v>0</v>
      </c>
      <c r="D1372">
        <v>19.100000000000001</v>
      </c>
      <c r="E1372">
        <v>2047.10144927536</v>
      </c>
    </row>
    <row r="1373" spans="1:5" x14ac:dyDescent="0.25">
      <c r="A1373">
        <v>82260</v>
      </c>
      <c r="B1373">
        <f t="shared" si="21"/>
        <v>22.85</v>
      </c>
      <c r="C1373" s="2">
        <v>0</v>
      </c>
      <c r="D1373">
        <v>19.100000000000001</v>
      </c>
      <c r="E1373">
        <v>2038.04347826087</v>
      </c>
    </row>
    <row r="1374" spans="1:5" x14ac:dyDescent="0.25">
      <c r="A1374">
        <v>82320</v>
      </c>
      <c r="B1374">
        <f t="shared" si="21"/>
        <v>22.866666666666667</v>
      </c>
      <c r="C1374" s="2">
        <v>0</v>
      </c>
      <c r="D1374">
        <v>19.100000000000001</v>
      </c>
      <c r="E1374">
        <v>2028.9855072463799</v>
      </c>
    </row>
    <row r="1375" spans="1:5" x14ac:dyDescent="0.25">
      <c r="A1375">
        <v>82380</v>
      </c>
      <c r="B1375">
        <f t="shared" si="21"/>
        <v>22.883333333333333</v>
      </c>
      <c r="C1375" s="2">
        <v>0</v>
      </c>
      <c r="D1375">
        <v>19.100000000000001</v>
      </c>
      <c r="E1375">
        <v>2019.9275362318799</v>
      </c>
    </row>
    <row r="1376" spans="1:5" x14ac:dyDescent="0.25">
      <c r="A1376">
        <v>82440</v>
      </c>
      <c r="B1376">
        <f t="shared" si="21"/>
        <v>22.9</v>
      </c>
      <c r="C1376" s="2">
        <v>0</v>
      </c>
      <c r="D1376">
        <v>19.100000000000001</v>
      </c>
      <c r="E1376">
        <v>2010.8695652173899</v>
      </c>
    </row>
    <row r="1377" spans="1:5" x14ac:dyDescent="0.25">
      <c r="A1377">
        <v>82500</v>
      </c>
      <c r="B1377">
        <f t="shared" si="21"/>
        <v>22.916666666666668</v>
      </c>
      <c r="C1377" s="2">
        <v>0</v>
      </c>
      <c r="D1377">
        <v>19.100000000000001</v>
      </c>
      <c r="E1377">
        <v>2001.8115942029001</v>
      </c>
    </row>
    <row r="1378" spans="1:5" x14ac:dyDescent="0.25">
      <c r="A1378">
        <v>82560</v>
      </c>
      <c r="B1378">
        <f t="shared" si="21"/>
        <v>22.933333333333334</v>
      </c>
      <c r="C1378" s="2">
        <v>0</v>
      </c>
      <c r="D1378">
        <v>19.100000000000001</v>
      </c>
      <c r="E1378">
        <v>1992.7536231884101</v>
      </c>
    </row>
    <row r="1379" spans="1:5" x14ac:dyDescent="0.25">
      <c r="A1379">
        <v>82620</v>
      </c>
      <c r="B1379">
        <f t="shared" si="21"/>
        <v>22.95</v>
      </c>
      <c r="C1379" s="2">
        <v>0</v>
      </c>
      <c r="D1379">
        <v>19</v>
      </c>
      <c r="E1379">
        <v>1983.69565217391</v>
      </c>
    </row>
    <row r="1380" spans="1:5" x14ac:dyDescent="0.25">
      <c r="A1380">
        <v>82680</v>
      </c>
      <c r="B1380">
        <f t="shared" si="21"/>
        <v>22.966666666666665</v>
      </c>
      <c r="C1380" s="2">
        <v>0</v>
      </c>
      <c r="D1380">
        <v>19</v>
      </c>
      <c r="E1380">
        <v>1974.63768115942</v>
      </c>
    </row>
    <row r="1381" spans="1:5" x14ac:dyDescent="0.25">
      <c r="A1381">
        <v>82740</v>
      </c>
      <c r="B1381">
        <f t="shared" si="21"/>
        <v>22.983333333333334</v>
      </c>
      <c r="C1381" s="2">
        <v>0</v>
      </c>
      <c r="D1381">
        <v>19.100000000000001</v>
      </c>
      <c r="E1381">
        <v>1965.57971014493</v>
      </c>
    </row>
    <row r="1382" spans="1:5" x14ac:dyDescent="0.25">
      <c r="A1382">
        <v>82800</v>
      </c>
      <c r="B1382">
        <f t="shared" si="21"/>
        <v>23</v>
      </c>
      <c r="C1382" s="2">
        <v>0</v>
      </c>
      <c r="D1382">
        <v>19.100000000000001</v>
      </c>
      <c r="E1382">
        <v>1956.52173913044</v>
      </c>
    </row>
    <row r="1383" spans="1:5" x14ac:dyDescent="0.25">
      <c r="A1383">
        <v>82860</v>
      </c>
      <c r="B1383">
        <f t="shared" si="21"/>
        <v>23.016666666666666</v>
      </c>
      <c r="C1383" s="2">
        <v>0</v>
      </c>
      <c r="D1383">
        <v>19</v>
      </c>
      <c r="E1383">
        <v>1942.0289855072499</v>
      </c>
    </row>
    <row r="1384" spans="1:5" x14ac:dyDescent="0.25">
      <c r="A1384">
        <v>82920</v>
      </c>
      <c r="B1384">
        <f t="shared" si="21"/>
        <v>23.033333333333335</v>
      </c>
      <c r="C1384" s="2">
        <v>0</v>
      </c>
      <c r="D1384">
        <v>19</v>
      </c>
      <c r="E1384">
        <v>1927.53623188406</v>
      </c>
    </row>
    <row r="1385" spans="1:5" x14ac:dyDescent="0.25">
      <c r="A1385">
        <v>82980</v>
      </c>
      <c r="B1385">
        <f t="shared" si="21"/>
        <v>23.05</v>
      </c>
      <c r="C1385" s="2">
        <v>0</v>
      </c>
      <c r="D1385">
        <v>19</v>
      </c>
      <c r="E1385">
        <v>1913.04347826087</v>
      </c>
    </row>
    <row r="1386" spans="1:5" x14ac:dyDescent="0.25">
      <c r="A1386">
        <v>83040</v>
      </c>
      <c r="B1386">
        <f t="shared" si="21"/>
        <v>23.066666666666666</v>
      </c>
      <c r="C1386" s="2">
        <v>0</v>
      </c>
      <c r="D1386">
        <v>19</v>
      </c>
      <c r="E1386">
        <v>1898.5507246376801</v>
      </c>
    </row>
    <row r="1387" spans="1:5" x14ac:dyDescent="0.25">
      <c r="A1387">
        <v>83100</v>
      </c>
      <c r="B1387">
        <f t="shared" si="21"/>
        <v>23.083333333333332</v>
      </c>
      <c r="C1387" s="2">
        <v>0</v>
      </c>
      <c r="D1387">
        <v>19</v>
      </c>
      <c r="E1387">
        <v>1884.05797101449</v>
      </c>
    </row>
    <row r="1388" spans="1:5" x14ac:dyDescent="0.25">
      <c r="A1388">
        <v>83160</v>
      </c>
      <c r="B1388">
        <f t="shared" si="21"/>
        <v>23.1</v>
      </c>
      <c r="C1388" s="2">
        <v>0</v>
      </c>
      <c r="D1388">
        <v>19</v>
      </c>
      <c r="E1388">
        <v>1869.5652173912999</v>
      </c>
    </row>
    <row r="1389" spans="1:5" x14ac:dyDescent="0.25">
      <c r="A1389">
        <v>83220</v>
      </c>
      <c r="B1389">
        <f t="shared" si="21"/>
        <v>23.116666666666667</v>
      </c>
      <c r="C1389" s="2">
        <v>0</v>
      </c>
      <c r="D1389">
        <v>19</v>
      </c>
      <c r="E1389">
        <v>1855.0724637681201</v>
      </c>
    </row>
    <row r="1390" spans="1:5" x14ac:dyDescent="0.25">
      <c r="A1390">
        <v>83280</v>
      </c>
      <c r="B1390">
        <f t="shared" si="21"/>
        <v>23.133333333333333</v>
      </c>
      <c r="C1390" s="2">
        <v>0</v>
      </c>
      <c r="D1390">
        <v>19</v>
      </c>
      <c r="E1390">
        <v>1840.57971014493</v>
      </c>
    </row>
    <row r="1391" spans="1:5" x14ac:dyDescent="0.25">
      <c r="A1391">
        <v>83340</v>
      </c>
      <c r="B1391">
        <f t="shared" si="21"/>
        <v>23.15</v>
      </c>
      <c r="C1391" s="2">
        <v>0</v>
      </c>
      <c r="D1391">
        <v>19</v>
      </c>
      <c r="E1391">
        <v>1826.0869565217399</v>
      </c>
    </row>
    <row r="1392" spans="1:5" x14ac:dyDescent="0.25">
      <c r="A1392">
        <v>83400</v>
      </c>
      <c r="B1392">
        <f t="shared" si="21"/>
        <v>23.166666666666668</v>
      </c>
      <c r="C1392" s="2">
        <v>0</v>
      </c>
      <c r="D1392">
        <v>19</v>
      </c>
      <c r="E1392">
        <v>1811.5942028985501</v>
      </c>
    </row>
    <row r="1393" spans="1:5" x14ac:dyDescent="0.25">
      <c r="A1393">
        <v>83460</v>
      </c>
      <c r="B1393">
        <f t="shared" si="21"/>
        <v>23.183333333333334</v>
      </c>
      <c r="C1393" s="2">
        <v>0</v>
      </c>
      <c r="D1393">
        <v>19</v>
      </c>
      <c r="E1393">
        <v>1797.10144927536</v>
      </c>
    </row>
    <row r="1394" spans="1:5" x14ac:dyDescent="0.25">
      <c r="A1394">
        <v>83520</v>
      </c>
      <c r="B1394">
        <f t="shared" si="21"/>
        <v>23.2</v>
      </c>
      <c r="C1394" s="2">
        <v>0</v>
      </c>
      <c r="D1394">
        <v>19</v>
      </c>
      <c r="E1394">
        <v>1782.6086956521699</v>
      </c>
    </row>
    <row r="1395" spans="1:5" x14ac:dyDescent="0.25">
      <c r="A1395">
        <v>83580</v>
      </c>
      <c r="B1395">
        <f t="shared" si="21"/>
        <v>23.216666666666665</v>
      </c>
      <c r="C1395" s="2">
        <v>0</v>
      </c>
      <c r="D1395">
        <v>19</v>
      </c>
      <c r="E1395">
        <v>1768.11594202899</v>
      </c>
    </row>
    <row r="1396" spans="1:5" x14ac:dyDescent="0.25">
      <c r="A1396">
        <v>83640</v>
      </c>
      <c r="B1396">
        <f t="shared" si="21"/>
        <v>23.233333333333334</v>
      </c>
      <c r="C1396" s="2">
        <v>0</v>
      </c>
      <c r="D1396">
        <v>19</v>
      </c>
      <c r="E1396">
        <v>1753.6231884058</v>
      </c>
    </row>
    <row r="1397" spans="1:5" x14ac:dyDescent="0.25">
      <c r="A1397">
        <v>83700</v>
      </c>
      <c r="B1397">
        <f t="shared" si="21"/>
        <v>23.25</v>
      </c>
      <c r="C1397" s="2">
        <v>0</v>
      </c>
      <c r="D1397">
        <v>19</v>
      </c>
      <c r="E1397">
        <v>1739.1304347826101</v>
      </c>
    </row>
    <row r="1398" spans="1:5" x14ac:dyDescent="0.25">
      <c r="A1398">
        <v>83760</v>
      </c>
      <c r="B1398">
        <f t="shared" si="21"/>
        <v>23.266666666666666</v>
      </c>
      <c r="C1398" s="2">
        <v>0</v>
      </c>
      <c r="D1398">
        <v>19</v>
      </c>
      <c r="E1398">
        <v>1724.63768115942</v>
      </c>
    </row>
    <row r="1399" spans="1:5" x14ac:dyDescent="0.25">
      <c r="A1399">
        <v>83820</v>
      </c>
      <c r="B1399">
        <f t="shared" si="21"/>
        <v>23.283333333333335</v>
      </c>
      <c r="C1399" s="2">
        <v>0</v>
      </c>
      <c r="D1399">
        <v>19</v>
      </c>
      <c r="E1399">
        <v>1710.1449275362299</v>
      </c>
    </row>
    <row r="1400" spans="1:5" x14ac:dyDescent="0.25">
      <c r="A1400">
        <v>83880</v>
      </c>
      <c r="B1400">
        <f t="shared" si="21"/>
        <v>23.3</v>
      </c>
      <c r="C1400" s="2">
        <v>0</v>
      </c>
      <c r="D1400">
        <v>19</v>
      </c>
      <c r="E1400">
        <v>1695.6521739130401</v>
      </c>
    </row>
    <row r="1401" spans="1:5" x14ac:dyDescent="0.25">
      <c r="A1401">
        <v>83940</v>
      </c>
      <c r="B1401">
        <f t="shared" si="21"/>
        <v>23.316666666666666</v>
      </c>
      <c r="C1401" s="2">
        <v>0</v>
      </c>
      <c r="D1401">
        <v>19</v>
      </c>
      <c r="E1401">
        <v>1681.15942028986</v>
      </c>
    </row>
    <row r="1402" spans="1:5" x14ac:dyDescent="0.25">
      <c r="A1402">
        <v>84000</v>
      </c>
      <c r="B1402">
        <f t="shared" si="21"/>
        <v>23.333333333333332</v>
      </c>
      <c r="C1402" s="2">
        <v>0</v>
      </c>
      <c r="D1402">
        <v>19</v>
      </c>
      <c r="E1402">
        <v>1666.6666666666699</v>
      </c>
    </row>
    <row r="1403" spans="1:5" x14ac:dyDescent="0.25">
      <c r="A1403">
        <v>84060</v>
      </c>
      <c r="B1403">
        <f t="shared" si="21"/>
        <v>23.35</v>
      </c>
      <c r="C1403" s="2">
        <v>0</v>
      </c>
      <c r="D1403">
        <v>19</v>
      </c>
      <c r="E1403">
        <v>1652.1739130434801</v>
      </c>
    </row>
    <row r="1404" spans="1:5" x14ac:dyDescent="0.25">
      <c r="A1404">
        <v>84120</v>
      </c>
      <c r="B1404">
        <f t="shared" si="21"/>
        <v>23.366666666666667</v>
      </c>
      <c r="C1404" s="2">
        <v>0</v>
      </c>
      <c r="D1404">
        <v>19</v>
      </c>
      <c r="E1404">
        <v>1637.68115942029</v>
      </c>
    </row>
    <row r="1405" spans="1:5" x14ac:dyDescent="0.25">
      <c r="A1405">
        <v>84180</v>
      </c>
      <c r="B1405">
        <f t="shared" si="21"/>
        <v>23.383333333333333</v>
      </c>
      <c r="C1405" s="2">
        <v>0</v>
      </c>
      <c r="D1405">
        <v>19</v>
      </c>
      <c r="E1405">
        <v>1623.1884057970999</v>
      </c>
    </row>
    <row r="1406" spans="1:5" x14ac:dyDescent="0.25">
      <c r="A1406">
        <v>84240</v>
      </c>
      <c r="B1406">
        <f t="shared" si="21"/>
        <v>23.4</v>
      </c>
      <c r="C1406" s="2">
        <v>0</v>
      </c>
      <c r="D1406">
        <v>19</v>
      </c>
      <c r="E1406">
        <v>1608.69565217391</v>
      </c>
    </row>
    <row r="1407" spans="1:5" x14ac:dyDescent="0.25">
      <c r="A1407">
        <v>84300</v>
      </c>
      <c r="B1407">
        <f t="shared" si="21"/>
        <v>23.416666666666668</v>
      </c>
      <c r="C1407" s="2">
        <v>0</v>
      </c>
      <c r="D1407">
        <v>19</v>
      </c>
      <c r="E1407">
        <v>1594.20289855073</v>
      </c>
    </row>
    <row r="1408" spans="1:5" x14ac:dyDescent="0.25">
      <c r="A1408">
        <v>84360</v>
      </c>
      <c r="B1408">
        <f t="shared" si="21"/>
        <v>23.433333333333334</v>
      </c>
      <c r="C1408" s="2">
        <v>0</v>
      </c>
      <c r="D1408">
        <v>18.899999999999999</v>
      </c>
      <c r="E1408">
        <v>1579.7101449275401</v>
      </c>
    </row>
    <row r="1409" spans="1:5" x14ac:dyDescent="0.25">
      <c r="A1409">
        <v>84420</v>
      </c>
      <c r="B1409">
        <f t="shared" si="21"/>
        <v>23.45</v>
      </c>
      <c r="C1409" s="2">
        <v>0</v>
      </c>
      <c r="D1409">
        <v>18.899999999999999</v>
      </c>
      <c r="E1409">
        <v>1565.21739130435</v>
      </c>
    </row>
    <row r="1410" spans="1:5" x14ac:dyDescent="0.25">
      <c r="A1410">
        <v>84480</v>
      </c>
      <c r="B1410">
        <f t="shared" si="21"/>
        <v>23.466666666666665</v>
      </c>
      <c r="C1410" s="2">
        <v>0</v>
      </c>
      <c r="D1410">
        <v>18.899999999999999</v>
      </c>
      <c r="E1410">
        <v>1550.7246376811599</v>
      </c>
    </row>
    <row r="1411" spans="1:5" x14ac:dyDescent="0.25">
      <c r="A1411">
        <v>84540</v>
      </c>
      <c r="B1411">
        <f t="shared" ref="B1411:B1442" si="22">A1411/3600</f>
        <v>23.483333333333334</v>
      </c>
      <c r="C1411" s="2">
        <v>0</v>
      </c>
      <c r="D1411">
        <v>18.899999999999999</v>
      </c>
      <c r="E1411">
        <v>1536.2318840579701</v>
      </c>
    </row>
    <row r="1412" spans="1:5" x14ac:dyDescent="0.25">
      <c r="A1412">
        <v>84600</v>
      </c>
      <c r="B1412">
        <f t="shared" si="22"/>
        <v>23.5</v>
      </c>
      <c r="C1412" s="2">
        <v>0</v>
      </c>
      <c r="D1412">
        <v>18.899999999999999</v>
      </c>
      <c r="E1412">
        <v>1521.73913043478</v>
      </c>
    </row>
    <row r="1413" spans="1:5" x14ac:dyDescent="0.25">
      <c r="A1413">
        <v>84660</v>
      </c>
      <c r="B1413">
        <f t="shared" si="22"/>
        <v>23.516666666666666</v>
      </c>
      <c r="C1413" s="2">
        <v>0</v>
      </c>
      <c r="D1413">
        <v>19</v>
      </c>
      <c r="E1413">
        <v>1507.2463768115899</v>
      </c>
    </row>
    <row r="1414" spans="1:5" x14ac:dyDescent="0.25">
      <c r="A1414">
        <v>84720</v>
      </c>
      <c r="B1414">
        <f t="shared" si="22"/>
        <v>23.533333333333335</v>
      </c>
      <c r="C1414" s="2">
        <v>0</v>
      </c>
      <c r="D1414">
        <v>19</v>
      </c>
      <c r="E1414">
        <v>1492.7536231884101</v>
      </c>
    </row>
    <row r="1415" spans="1:5" x14ac:dyDescent="0.25">
      <c r="A1415">
        <v>84780</v>
      </c>
      <c r="B1415">
        <f t="shared" si="22"/>
        <v>23.55</v>
      </c>
      <c r="C1415" s="2">
        <v>0</v>
      </c>
      <c r="D1415">
        <v>18.899999999999999</v>
      </c>
      <c r="E1415">
        <v>1478.26086956522</v>
      </c>
    </row>
    <row r="1416" spans="1:5" x14ac:dyDescent="0.25">
      <c r="A1416">
        <v>84840</v>
      </c>
      <c r="B1416">
        <f t="shared" si="22"/>
        <v>23.566666666666666</v>
      </c>
      <c r="C1416" s="2">
        <v>0</v>
      </c>
      <c r="D1416">
        <v>19</v>
      </c>
      <c r="E1416">
        <v>1463.7681159420299</v>
      </c>
    </row>
    <row r="1417" spans="1:5" x14ac:dyDescent="0.25">
      <c r="A1417">
        <v>84900</v>
      </c>
      <c r="B1417">
        <f t="shared" si="22"/>
        <v>23.583333333333332</v>
      </c>
      <c r="C1417" s="2">
        <v>0</v>
      </c>
      <c r="D1417">
        <v>18.899999999999999</v>
      </c>
      <c r="E1417">
        <v>1449.2753623188401</v>
      </c>
    </row>
    <row r="1418" spans="1:5" x14ac:dyDescent="0.25">
      <c r="A1418">
        <v>84960</v>
      </c>
      <c r="B1418">
        <f t="shared" si="22"/>
        <v>23.6</v>
      </c>
      <c r="C1418" s="2">
        <v>0</v>
      </c>
      <c r="D1418">
        <v>18.899999999999999</v>
      </c>
      <c r="E1418">
        <v>1434.78260869565</v>
      </c>
    </row>
    <row r="1419" spans="1:5" x14ac:dyDescent="0.25">
      <c r="A1419">
        <v>85020</v>
      </c>
      <c r="B1419">
        <f t="shared" si="22"/>
        <v>23.616666666666667</v>
      </c>
      <c r="C1419" s="2">
        <v>0</v>
      </c>
      <c r="D1419">
        <v>18.899999999999999</v>
      </c>
      <c r="E1419">
        <v>1420.2898550724599</v>
      </c>
    </row>
    <row r="1420" spans="1:5" x14ac:dyDescent="0.25">
      <c r="A1420">
        <v>85080</v>
      </c>
      <c r="B1420">
        <f t="shared" si="22"/>
        <v>23.633333333333333</v>
      </c>
      <c r="C1420" s="2">
        <v>0</v>
      </c>
      <c r="D1420">
        <v>18.899999999999999</v>
      </c>
      <c r="E1420">
        <v>1405.79710144928</v>
      </c>
    </row>
    <row r="1421" spans="1:5" x14ac:dyDescent="0.25">
      <c r="A1421">
        <v>85140</v>
      </c>
      <c r="B1421">
        <f t="shared" si="22"/>
        <v>23.65</v>
      </c>
      <c r="C1421" s="2">
        <v>0</v>
      </c>
      <c r="D1421">
        <v>18.899999999999999</v>
      </c>
      <c r="E1421">
        <v>1391.30434782609</v>
      </c>
    </row>
    <row r="1422" spans="1:5" x14ac:dyDescent="0.25">
      <c r="A1422">
        <v>85200</v>
      </c>
      <c r="B1422">
        <f t="shared" si="22"/>
        <v>23.666666666666668</v>
      </c>
      <c r="C1422" s="2">
        <v>0</v>
      </c>
      <c r="D1422">
        <v>18.899999999999999</v>
      </c>
      <c r="E1422">
        <v>1376.8115942029001</v>
      </c>
    </row>
    <row r="1423" spans="1:5" x14ac:dyDescent="0.25">
      <c r="A1423">
        <v>85260</v>
      </c>
      <c r="B1423">
        <f t="shared" si="22"/>
        <v>23.683333333333334</v>
      </c>
      <c r="C1423" s="2">
        <v>0</v>
      </c>
      <c r="D1423">
        <v>18.899999999999999</v>
      </c>
      <c r="E1423">
        <v>1362.31884057971</v>
      </c>
    </row>
    <row r="1424" spans="1:5" x14ac:dyDescent="0.25">
      <c r="A1424">
        <v>85320</v>
      </c>
      <c r="B1424">
        <f t="shared" si="22"/>
        <v>23.7</v>
      </c>
      <c r="C1424" s="2">
        <v>0</v>
      </c>
      <c r="D1424">
        <v>18.899999999999999</v>
      </c>
      <c r="E1424">
        <v>1347.8260869565199</v>
      </c>
    </row>
    <row r="1425" spans="1:5" x14ac:dyDescent="0.25">
      <c r="A1425">
        <v>85380</v>
      </c>
      <c r="B1425">
        <f t="shared" si="22"/>
        <v>23.716666666666665</v>
      </c>
      <c r="C1425" s="2">
        <v>0</v>
      </c>
      <c r="D1425">
        <v>18.899999999999999</v>
      </c>
      <c r="E1425">
        <v>1333.3333333333301</v>
      </c>
    </row>
    <row r="1426" spans="1:5" x14ac:dyDescent="0.25">
      <c r="A1426">
        <v>85440</v>
      </c>
      <c r="B1426">
        <f t="shared" si="22"/>
        <v>23.733333333333334</v>
      </c>
      <c r="C1426" s="2">
        <v>0</v>
      </c>
      <c r="D1426">
        <v>18.899999999999999</v>
      </c>
      <c r="E1426">
        <v>1318.84057971015</v>
      </c>
    </row>
    <row r="1427" spans="1:5" x14ac:dyDescent="0.25">
      <c r="A1427">
        <v>85500</v>
      </c>
      <c r="B1427">
        <f t="shared" si="22"/>
        <v>23.75</v>
      </c>
      <c r="C1427" s="2">
        <v>0</v>
      </c>
      <c r="D1427">
        <v>18.899999999999999</v>
      </c>
      <c r="E1427">
        <v>1304.3478260869599</v>
      </c>
    </row>
    <row r="1428" spans="1:5" x14ac:dyDescent="0.25">
      <c r="A1428">
        <v>85560</v>
      </c>
      <c r="B1428">
        <f t="shared" si="22"/>
        <v>23.766666666666666</v>
      </c>
      <c r="C1428" s="2">
        <v>0</v>
      </c>
      <c r="D1428">
        <v>18.899999999999999</v>
      </c>
      <c r="E1428">
        <v>1289.8550724637701</v>
      </c>
    </row>
    <row r="1429" spans="1:5" x14ac:dyDescent="0.25">
      <c r="A1429">
        <v>85620</v>
      </c>
      <c r="B1429">
        <f t="shared" si="22"/>
        <v>23.783333333333335</v>
      </c>
      <c r="C1429" s="2">
        <v>0</v>
      </c>
      <c r="D1429">
        <v>18.899999999999999</v>
      </c>
      <c r="E1429">
        <v>1275.36231884058</v>
      </c>
    </row>
    <row r="1430" spans="1:5" x14ac:dyDescent="0.25">
      <c r="A1430">
        <v>85680</v>
      </c>
      <c r="B1430">
        <f t="shared" si="22"/>
        <v>23.8</v>
      </c>
      <c r="C1430" s="2">
        <v>0</v>
      </c>
      <c r="D1430">
        <v>18.899999999999999</v>
      </c>
      <c r="E1430">
        <v>1260.8695652173899</v>
      </c>
    </row>
    <row r="1431" spans="1:5" x14ac:dyDescent="0.25">
      <c r="A1431">
        <v>85740</v>
      </c>
      <c r="B1431">
        <f t="shared" si="22"/>
        <v>23.816666666666666</v>
      </c>
      <c r="C1431" s="2">
        <v>0</v>
      </c>
      <c r="D1431">
        <v>18.899999999999999</v>
      </c>
      <c r="E1431">
        <v>1246.3768115942</v>
      </c>
    </row>
    <row r="1432" spans="1:5" x14ac:dyDescent="0.25">
      <c r="A1432">
        <v>85800</v>
      </c>
      <c r="B1432">
        <f t="shared" si="22"/>
        <v>23.833333333333332</v>
      </c>
      <c r="C1432" s="2">
        <v>0</v>
      </c>
      <c r="D1432">
        <v>18.8</v>
      </c>
      <c r="E1432">
        <v>1231.88405797101</v>
      </c>
    </row>
    <row r="1433" spans="1:5" x14ac:dyDescent="0.25">
      <c r="A1433">
        <v>85860</v>
      </c>
      <c r="B1433">
        <f t="shared" si="22"/>
        <v>23.85</v>
      </c>
      <c r="C1433" s="2">
        <v>0</v>
      </c>
      <c r="D1433">
        <v>18.8</v>
      </c>
      <c r="E1433">
        <v>1217.3913043478301</v>
      </c>
    </row>
    <row r="1434" spans="1:5" x14ac:dyDescent="0.25">
      <c r="A1434">
        <v>85920</v>
      </c>
      <c r="B1434">
        <f t="shared" si="22"/>
        <v>23.866666666666667</v>
      </c>
      <c r="C1434" s="2">
        <v>0</v>
      </c>
      <c r="D1434">
        <v>18.8</v>
      </c>
      <c r="E1434">
        <v>1202.89855072464</v>
      </c>
    </row>
    <row r="1435" spans="1:5" x14ac:dyDescent="0.25">
      <c r="A1435">
        <v>85980</v>
      </c>
      <c r="B1435">
        <f t="shared" si="22"/>
        <v>23.883333333333333</v>
      </c>
      <c r="C1435" s="2">
        <v>0</v>
      </c>
      <c r="D1435">
        <v>18.8</v>
      </c>
      <c r="E1435">
        <v>1188.4057971014499</v>
      </c>
    </row>
    <row r="1436" spans="1:5" x14ac:dyDescent="0.25">
      <c r="A1436">
        <v>86040</v>
      </c>
      <c r="B1436">
        <f t="shared" si="22"/>
        <v>23.9</v>
      </c>
      <c r="C1436" s="2">
        <v>0</v>
      </c>
      <c r="D1436">
        <v>18.8</v>
      </c>
      <c r="E1436">
        <v>1173.9130434782601</v>
      </c>
    </row>
    <row r="1437" spans="1:5" x14ac:dyDescent="0.25">
      <c r="A1437">
        <v>86100</v>
      </c>
      <c r="B1437">
        <f t="shared" si="22"/>
        <v>23.916666666666668</v>
      </c>
      <c r="C1437" s="2">
        <v>0</v>
      </c>
      <c r="D1437">
        <v>18.8</v>
      </c>
      <c r="E1437">
        <v>1159.42028985507</v>
      </c>
    </row>
    <row r="1438" spans="1:5" x14ac:dyDescent="0.25">
      <c r="A1438">
        <v>86160</v>
      </c>
      <c r="B1438">
        <f t="shared" si="22"/>
        <v>23.933333333333334</v>
      </c>
      <c r="C1438" s="2">
        <v>0</v>
      </c>
      <c r="D1438">
        <v>18.8</v>
      </c>
      <c r="E1438">
        <v>1144.9275362318799</v>
      </c>
    </row>
    <row r="1439" spans="1:5" x14ac:dyDescent="0.25">
      <c r="A1439">
        <v>86220</v>
      </c>
      <c r="B1439">
        <f t="shared" si="22"/>
        <v>23.95</v>
      </c>
      <c r="C1439" s="2">
        <v>0</v>
      </c>
      <c r="D1439">
        <v>18.8</v>
      </c>
      <c r="E1439">
        <v>1130.4347826087001</v>
      </c>
    </row>
    <row r="1440" spans="1:5" x14ac:dyDescent="0.25">
      <c r="A1440">
        <v>86280</v>
      </c>
      <c r="B1440">
        <f t="shared" si="22"/>
        <v>23.966666666666665</v>
      </c>
      <c r="C1440" s="2">
        <v>0</v>
      </c>
      <c r="D1440">
        <v>18.7</v>
      </c>
      <c r="E1440">
        <v>1115.94202898551</v>
      </c>
    </row>
    <row r="1441" spans="1:5" x14ac:dyDescent="0.25">
      <c r="A1441">
        <v>86340</v>
      </c>
      <c r="B1441">
        <f t="shared" si="22"/>
        <v>23.983333333333334</v>
      </c>
      <c r="C1441" s="2">
        <v>0</v>
      </c>
      <c r="D1441">
        <v>18.7</v>
      </c>
      <c r="E1441">
        <v>1101.4492753623199</v>
      </c>
    </row>
    <row r="1442" spans="1:5" x14ac:dyDescent="0.25">
      <c r="A1442">
        <v>86400</v>
      </c>
      <c r="B1442">
        <f t="shared" si="22"/>
        <v>24</v>
      </c>
      <c r="C1442" s="2">
        <v>0</v>
      </c>
      <c r="D1442" s="2"/>
      <c r="E1442">
        <v>1086.95652173913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841"/>
  <sheetViews>
    <sheetView zoomScale="118" zoomScaleNormal="118" workbookViewId="0">
      <selection activeCell="C1" sqref="C1"/>
    </sheetView>
  </sheetViews>
  <sheetFormatPr defaultRowHeight="15" x14ac:dyDescent="0.25"/>
  <cols>
    <col min="1" max="1" width="18.7109375" style="2" bestFit="1" customWidth="1"/>
  </cols>
  <sheetData>
    <row r="1" spans="1:1" x14ac:dyDescent="0.25">
      <c r="A1" s="2" t="s">
        <v>3</v>
      </c>
    </row>
    <row r="2" spans="1:1" x14ac:dyDescent="0.25">
      <c r="A2" s="2">
        <v>0.12</v>
      </c>
    </row>
    <row r="3" spans="1:1" x14ac:dyDescent="0.25">
      <c r="A3" s="2">
        <v>0.12</v>
      </c>
    </row>
    <row r="4" spans="1:1" x14ac:dyDescent="0.25">
      <c r="A4" s="2">
        <v>0.11</v>
      </c>
    </row>
    <row r="5" spans="1:1" x14ac:dyDescent="0.25">
      <c r="A5" s="2">
        <v>0.11</v>
      </c>
    </row>
    <row r="6" spans="1:1" x14ac:dyDescent="0.25">
      <c r="A6" s="2">
        <v>0.12</v>
      </c>
    </row>
    <row r="7" spans="1:1" x14ac:dyDescent="0.25">
      <c r="A7" s="2">
        <v>0.12</v>
      </c>
    </row>
    <row r="8" spans="1:1" x14ac:dyDescent="0.25">
      <c r="A8" s="2">
        <v>0.11</v>
      </c>
    </row>
    <row r="9" spans="1:1" x14ac:dyDescent="0.25">
      <c r="A9" s="2">
        <v>0.11</v>
      </c>
    </row>
    <row r="10" spans="1:1" x14ac:dyDescent="0.25">
      <c r="A10" s="2">
        <v>0.11</v>
      </c>
    </row>
    <row r="11" spans="1:1" x14ac:dyDescent="0.25">
      <c r="A11" s="2">
        <v>0.14000000000000001</v>
      </c>
    </row>
    <row r="12" spans="1:1" x14ac:dyDescent="0.25">
      <c r="A12" s="2">
        <v>0.2</v>
      </c>
    </row>
    <row r="13" spans="1:1" x14ac:dyDescent="0.25">
      <c r="A13" s="2">
        <v>0.21</v>
      </c>
    </row>
    <row r="14" spans="1:1" x14ac:dyDescent="0.25">
      <c r="A14" s="2">
        <v>0.23</v>
      </c>
    </row>
    <row r="15" spans="1:1" x14ac:dyDescent="0.25">
      <c r="A15" s="2">
        <v>0.3</v>
      </c>
    </row>
    <row r="16" spans="1:1" x14ac:dyDescent="0.25">
      <c r="A16" s="2">
        <v>1.03</v>
      </c>
    </row>
    <row r="17" spans="1:1" x14ac:dyDescent="0.25">
      <c r="A17" s="2">
        <v>2.1</v>
      </c>
    </row>
    <row r="18" spans="1:1" x14ac:dyDescent="0.25">
      <c r="A18" s="2">
        <v>2.65</v>
      </c>
    </row>
    <row r="19" spans="1:1" x14ac:dyDescent="0.25">
      <c r="A19" s="2">
        <v>2.62</v>
      </c>
    </row>
    <row r="20" spans="1:1" x14ac:dyDescent="0.25">
      <c r="A20" s="2">
        <v>3.17</v>
      </c>
    </row>
    <row r="21" spans="1:1" x14ac:dyDescent="0.25">
      <c r="A21" s="2">
        <v>3.56</v>
      </c>
    </row>
    <row r="22" spans="1:1" x14ac:dyDescent="0.25">
      <c r="A22" s="2">
        <v>3.65</v>
      </c>
    </row>
    <row r="23" spans="1:1" x14ac:dyDescent="0.25">
      <c r="A23" s="2">
        <v>4.34</v>
      </c>
    </row>
    <row r="24" spans="1:1" x14ac:dyDescent="0.25">
      <c r="A24" s="2">
        <v>5.0599999999999996</v>
      </c>
    </row>
    <row r="25" spans="1:1" x14ac:dyDescent="0.25">
      <c r="A25" s="2">
        <v>5.26</v>
      </c>
    </row>
    <row r="26" spans="1:1" x14ac:dyDescent="0.25">
      <c r="A26" s="2">
        <v>5.77</v>
      </c>
    </row>
    <row r="27" spans="1:1" x14ac:dyDescent="0.25">
      <c r="A27" s="2">
        <v>6.21</v>
      </c>
    </row>
    <row r="28" spans="1:1" x14ac:dyDescent="0.25">
      <c r="A28" s="2">
        <v>6.93</v>
      </c>
    </row>
    <row r="29" spans="1:1" x14ac:dyDescent="0.25">
      <c r="A29" s="2">
        <v>7.54</v>
      </c>
    </row>
    <row r="30" spans="1:1" x14ac:dyDescent="0.25">
      <c r="A30" s="2">
        <v>8.09</v>
      </c>
    </row>
    <row r="31" spans="1:1" x14ac:dyDescent="0.25">
      <c r="A31" s="2">
        <v>21.28</v>
      </c>
    </row>
    <row r="32" spans="1:1" x14ac:dyDescent="0.25">
      <c r="A32" s="2">
        <v>59.93</v>
      </c>
    </row>
    <row r="33" spans="1:1" x14ac:dyDescent="0.25">
      <c r="A33" s="2">
        <v>65.09</v>
      </c>
    </row>
    <row r="34" spans="1:1" x14ac:dyDescent="0.25">
      <c r="A34" s="2">
        <v>82.94</v>
      </c>
    </row>
    <row r="35" spans="1:1" x14ac:dyDescent="0.25">
      <c r="A35" s="2">
        <v>89.74</v>
      </c>
    </row>
    <row r="36" spans="1:1" x14ac:dyDescent="0.25">
      <c r="A36" s="2">
        <v>101.98</v>
      </c>
    </row>
    <row r="37" spans="1:1" x14ac:dyDescent="0.25">
      <c r="A37" s="2">
        <v>119.65</v>
      </c>
    </row>
    <row r="38" spans="1:1" x14ac:dyDescent="0.25">
      <c r="A38" s="2">
        <v>139.49</v>
      </c>
    </row>
    <row r="39" spans="1:1" x14ac:dyDescent="0.25">
      <c r="A39" s="2">
        <v>150.66</v>
      </c>
    </row>
    <row r="40" spans="1:1" x14ac:dyDescent="0.25">
      <c r="A40" s="2">
        <v>159.53</v>
      </c>
    </row>
    <row r="41" spans="1:1" x14ac:dyDescent="0.25">
      <c r="A41" s="2">
        <v>168.74</v>
      </c>
    </row>
    <row r="42" spans="1:1" x14ac:dyDescent="0.25">
      <c r="A42" s="2">
        <v>177.47</v>
      </c>
    </row>
    <row r="43" spans="1:1" x14ac:dyDescent="0.25">
      <c r="A43" s="2">
        <v>184.8</v>
      </c>
    </row>
    <row r="44" spans="1:1" x14ac:dyDescent="0.25">
      <c r="A44" s="2">
        <v>193.36</v>
      </c>
    </row>
    <row r="45" spans="1:1" x14ac:dyDescent="0.25">
      <c r="A45" s="2">
        <v>201.37</v>
      </c>
    </row>
    <row r="46" spans="1:1" x14ac:dyDescent="0.25">
      <c r="A46" s="2">
        <v>204.51</v>
      </c>
    </row>
    <row r="47" spans="1:1" x14ac:dyDescent="0.25">
      <c r="A47" s="2">
        <v>211.84</v>
      </c>
    </row>
    <row r="48" spans="1:1" x14ac:dyDescent="0.25">
      <c r="A48" s="2">
        <v>219.42</v>
      </c>
    </row>
    <row r="49" spans="1:1" x14ac:dyDescent="0.25">
      <c r="A49" s="2">
        <v>218.5</v>
      </c>
    </row>
    <row r="50" spans="1:1" x14ac:dyDescent="0.25">
      <c r="A50" s="2">
        <v>259.33</v>
      </c>
    </row>
    <row r="51" spans="1:1" x14ac:dyDescent="0.25">
      <c r="A51" s="2">
        <v>287.12</v>
      </c>
    </row>
    <row r="52" spans="1:1" x14ac:dyDescent="0.25">
      <c r="A52" s="2">
        <v>299.24</v>
      </c>
    </row>
    <row r="53" spans="1:1" x14ac:dyDescent="0.25">
      <c r="A53" s="2">
        <v>313.42</v>
      </c>
    </row>
    <row r="54" spans="1:1" x14ac:dyDescent="0.25">
      <c r="A54" s="2">
        <v>340.89</v>
      </c>
    </row>
    <row r="55" spans="1:1" x14ac:dyDescent="0.25">
      <c r="A55" s="2">
        <v>394.87</v>
      </c>
    </row>
    <row r="56" spans="1:1" x14ac:dyDescent="0.25">
      <c r="A56" s="2">
        <v>426</v>
      </c>
    </row>
    <row r="57" spans="1:1" x14ac:dyDescent="0.25">
      <c r="A57" s="2">
        <v>451.63</v>
      </c>
    </row>
    <row r="58" spans="1:1" x14ac:dyDescent="0.25">
      <c r="A58" s="2">
        <v>467</v>
      </c>
    </row>
    <row r="59" spans="1:1" x14ac:dyDescent="0.25">
      <c r="A59" s="2">
        <v>493.77</v>
      </c>
    </row>
    <row r="60" spans="1:1" x14ac:dyDescent="0.25">
      <c r="A60" s="2">
        <v>485.21</v>
      </c>
    </row>
    <row r="61" spans="1:1" x14ac:dyDescent="0.25">
      <c r="A61" s="2" t="s">
        <v>4</v>
      </c>
    </row>
    <row r="62" spans="1:1" x14ac:dyDescent="0.25">
      <c r="A62" s="2">
        <v>544.64</v>
      </c>
    </row>
    <row r="63" spans="1:1" x14ac:dyDescent="0.25">
      <c r="A63" s="2">
        <v>552.04999999999995</v>
      </c>
    </row>
    <row r="64" spans="1:1" x14ac:dyDescent="0.25">
      <c r="A64" s="2">
        <v>549.71</v>
      </c>
    </row>
    <row r="65" spans="1:1" x14ac:dyDescent="0.25">
      <c r="A65" s="2">
        <v>554.46</v>
      </c>
    </row>
    <row r="66" spans="1:1" x14ac:dyDescent="0.25">
      <c r="A66" s="2">
        <v>567.35</v>
      </c>
    </row>
    <row r="67" spans="1:1" x14ac:dyDescent="0.25">
      <c r="A67" s="2">
        <v>580.39</v>
      </c>
    </row>
    <row r="68" spans="1:1" x14ac:dyDescent="0.25">
      <c r="A68" s="2">
        <v>588.03</v>
      </c>
    </row>
    <row r="69" spans="1:1" x14ac:dyDescent="0.25">
      <c r="A69" s="2">
        <v>581.33000000000004</v>
      </c>
    </row>
    <row r="70" spans="1:1" x14ac:dyDescent="0.25">
      <c r="A70" s="2">
        <v>604.08000000000004</v>
      </c>
    </row>
    <row r="71" spans="1:1" x14ac:dyDescent="0.25">
      <c r="A71" s="2">
        <v>592.44000000000005</v>
      </c>
    </row>
    <row r="72" spans="1:1" x14ac:dyDescent="0.25">
      <c r="A72" s="2">
        <v>566.04</v>
      </c>
    </row>
    <row r="73" spans="1:1" x14ac:dyDescent="0.25">
      <c r="A73" s="2">
        <v>521.36</v>
      </c>
    </row>
    <row r="74" spans="1:1" x14ac:dyDescent="0.25">
      <c r="A74" s="2">
        <v>571.69000000000005</v>
      </c>
    </row>
    <row r="75" spans="1:1" x14ac:dyDescent="0.25">
      <c r="A75" s="2">
        <v>629.26</v>
      </c>
    </row>
    <row r="76" spans="1:1" x14ac:dyDescent="0.25">
      <c r="A76" s="2">
        <v>662.31</v>
      </c>
    </row>
    <row r="77" spans="1:1" x14ac:dyDescent="0.25">
      <c r="A77" s="2">
        <v>680.71</v>
      </c>
    </row>
    <row r="78" spans="1:1" x14ac:dyDescent="0.25">
      <c r="A78" s="2">
        <v>659.83</v>
      </c>
    </row>
    <row r="79" spans="1:1" x14ac:dyDescent="0.25">
      <c r="A79" s="2">
        <v>671.13</v>
      </c>
    </row>
    <row r="80" spans="1:1" x14ac:dyDescent="0.25">
      <c r="A80" s="2">
        <v>629.82000000000005</v>
      </c>
    </row>
    <row r="81" spans="1:1" x14ac:dyDescent="0.25">
      <c r="A81" s="2">
        <v>595.25</v>
      </c>
    </row>
    <row r="82" spans="1:1" x14ac:dyDescent="0.25">
      <c r="A82" s="2">
        <v>589.34</v>
      </c>
    </row>
    <row r="83" spans="1:1" x14ac:dyDescent="0.25">
      <c r="A83" s="2">
        <v>494.81</v>
      </c>
    </row>
    <row r="84" spans="1:1" x14ac:dyDescent="0.25">
      <c r="A84" s="2">
        <v>494.82</v>
      </c>
    </row>
    <row r="85" spans="1:1" x14ac:dyDescent="0.25">
      <c r="A85" s="2">
        <v>514.87</v>
      </c>
    </row>
    <row r="86" spans="1:1" x14ac:dyDescent="0.25">
      <c r="A86" s="2">
        <v>533.92999999999995</v>
      </c>
    </row>
    <row r="87" spans="1:1" x14ac:dyDescent="0.25">
      <c r="A87" s="2">
        <v>594.07000000000005</v>
      </c>
    </row>
    <row r="88" spans="1:1" x14ac:dyDescent="0.25">
      <c r="A88" s="2">
        <v>577.97</v>
      </c>
    </row>
    <row r="89" spans="1:1" x14ac:dyDescent="0.25">
      <c r="A89" s="2">
        <v>642.75</v>
      </c>
    </row>
    <row r="90" spans="1:1" x14ac:dyDescent="0.25">
      <c r="A90" s="2">
        <v>716.12</v>
      </c>
    </row>
    <row r="91" spans="1:1" x14ac:dyDescent="0.25">
      <c r="A91" s="2">
        <v>785.48</v>
      </c>
    </row>
    <row r="92" spans="1:1" x14ac:dyDescent="0.25">
      <c r="A92" s="2">
        <v>828.39</v>
      </c>
    </row>
    <row r="93" spans="1:1" x14ac:dyDescent="0.25">
      <c r="A93" s="2">
        <v>877.55</v>
      </c>
    </row>
    <row r="94" spans="1:1" x14ac:dyDescent="0.25">
      <c r="A94" s="2">
        <v>894.81</v>
      </c>
    </row>
    <row r="95" spans="1:1" x14ac:dyDescent="0.25">
      <c r="A95" s="2">
        <v>897.17</v>
      </c>
    </row>
    <row r="96" spans="1:1" x14ac:dyDescent="0.25">
      <c r="A96" s="2">
        <v>966.75</v>
      </c>
    </row>
    <row r="97" spans="1:1" x14ac:dyDescent="0.25">
      <c r="A97" s="2">
        <v>986.26</v>
      </c>
    </row>
    <row r="98" spans="1:1" x14ac:dyDescent="0.25">
      <c r="A98" s="2">
        <v>968.48</v>
      </c>
    </row>
    <row r="99" spans="1:1" x14ac:dyDescent="0.25">
      <c r="A99" s="2">
        <v>1094.76</v>
      </c>
    </row>
    <row r="100" spans="1:1" x14ac:dyDescent="0.25">
      <c r="A100" s="2">
        <v>1170</v>
      </c>
    </row>
    <row r="101" spans="1:1" x14ac:dyDescent="0.25">
      <c r="A101" s="2">
        <v>1182.7</v>
      </c>
    </row>
    <row r="102" spans="1:1" x14ac:dyDescent="0.25">
      <c r="A102" s="2">
        <v>1168.3</v>
      </c>
    </row>
    <row r="103" spans="1:1" x14ac:dyDescent="0.25">
      <c r="A103" s="2">
        <v>1139.82</v>
      </c>
    </row>
    <row r="104" spans="1:1" x14ac:dyDescent="0.25">
      <c r="A104" s="2">
        <v>1107.8499999999999</v>
      </c>
    </row>
    <row r="105" spans="1:1" x14ac:dyDescent="0.25">
      <c r="A105" s="2">
        <v>1018.16</v>
      </c>
    </row>
    <row r="106" spans="1:1" x14ac:dyDescent="0.25">
      <c r="A106" s="2">
        <v>869.82</v>
      </c>
    </row>
    <row r="107" spans="1:1" x14ac:dyDescent="0.25">
      <c r="A107" s="2">
        <v>871.49</v>
      </c>
    </row>
    <row r="108" spans="1:1" x14ac:dyDescent="0.25">
      <c r="A108" s="2">
        <v>878.59</v>
      </c>
    </row>
    <row r="109" spans="1:1" x14ac:dyDescent="0.25">
      <c r="A109" s="2">
        <v>872.24</v>
      </c>
    </row>
    <row r="110" spans="1:1" x14ac:dyDescent="0.25">
      <c r="A110" s="2">
        <v>865.57</v>
      </c>
    </row>
    <row r="111" spans="1:1" x14ac:dyDescent="0.25">
      <c r="A111" s="2">
        <v>978.63</v>
      </c>
    </row>
    <row r="112" spans="1:1" x14ac:dyDescent="0.25">
      <c r="A112" s="2">
        <v>1108.8</v>
      </c>
    </row>
    <row r="113" spans="1:1" x14ac:dyDescent="0.25">
      <c r="A113" s="2">
        <v>1098.51</v>
      </c>
    </row>
    <row r="114" spans="1:1" x14ac:dyDescent="0.25">
      <c r="A114" s="2">
        <v>1028.44</v>
      </c>
    </row>
    <row r="115" spans="1:1" x14ac:dyDescent="0.25">
      <c r="A115" s="2">
        <v>1020.74</v>
      </c>
    </row>
    <row r="116" spans="1:1" x14ac:dyDescent="0.25">
      <c r="A116" s="2">
        <v>1078.58</v>
      </c>
    </row>
    <row r="117" spans="1:1" x14ac:dyDescent="0.25">
      <c r="A117" s="2">
        <v>1175.5899999999999</v>
      </c>
    </row>
    <row r="118" spans="1:1" x14ac:dyDescent="0.25">
      <c r="A118" s="2">
        <v>1200.32</v>
      </c>
    </row>
    <row r="119" spans="1:1" x14ac:dyDescent="0.25">
      <c r="A119" s="2">
        <v>1296.53</v>
      </c>
    </row>
    <row r="120" spans="1:1" x14ac:dyDescent="0.25">
      <c r="A120" s="2">
        <v>1386.78</v>
      </c>
    </row>
    <row r="121" spans="1:1" x14ac:dyDescent="0.25">
      <c r="A121" s="2" t="s">
        <v>5</v>
      </c>
    </row>
    <row r="122" spans="1:1" x14ac:dyDescent="0.25">
      <c r="A122" s="2">
        <v>1244.97</v>
      </c>
    </row>
    <row r="123" spans="1:1" x14ac:dyDescent="0.25">
      <c r="A123" s="2">
        <v>1173.48</v>
      </c>
    </row>
    <row r="124" spans="1:1" x14ac:dyDescent="0.25">
      <c r="A124" s="2">
        <v>1248.08</v>
      </c>
    </row>
    <row r="125" spans="1:1" x14ac:dyDescent="0.25">
      <c r="A125" s="2">
        <v>1256.6099999999999</v>
      </c>
    </row>
    <row r="126" spans="1:1" x14ac:dyDescent="0.25">
      <c r="A126" s="2">
        <v>1336.91</v>
      </c>
    </row>
    <row r="127" spans="1:1" x14ac:dyDescent="0.25">
      <c r="A127" s="2">
        <v>1294.72</v>
      </c>
    </row>
    <row r="128" spans="1:1" x14ac:dyDescent="0.25">
      <c r="A128" s="2">
        <v>1266.06</v>
      </c>
    </row>
    <row r="129" spans="1:1" x14ac:dyDescent="0.25">
      <c r="A129" s="2">
        <v>1183.1500000000001</v>
      </c>
    </row>
    <row r="130" spans="1:1" x14ac:dyDescent="0.25">
      <c r="A130" s="2">
        <v>1112.54</v>
      </c>
    </row>
    <row r="131" spans="1:1" x14ac:dyDescent="0.25">
      <c r="A131" s="2">
        <v>1125.78</v>
      </c>
    </row>
    <row r="132" spans="1:1" x14ac:dyDescent="0.25">
      <c r="A132" s="2">
        <v>1201.24</v>
      </c>
    </row>
    <row r="133" spans="1:1" x14ac:dyDescent="0.25">
      <c r="A133" s="2">
        <v>1232.96</v>
      </c>
    </row>
    <row r="134" spans="1:1" x14ac:dyDescent="0.25">
      <c r="A134" s="2">
        <v>1181.54</v>
      </c>
    </row>
    <row r="135" spans="1:1" x14ac:dyDescent="0.25">
      <c r="A135" s="2">
        <v>1034</v>
      </c>
    </row>
    <row r="136" spans="1:1" x14ac:dyDescent="0.25">
      <c r="A136" s="2">
        <v>985.66</v>
      </c>
    </row>
    <row r="137" spans="1:1" x14ac:dyDescent="0.25">
      <c r="A137" s="2">
        <v>952.72</v>
      </c>
    </row>
    <row r="138" spans="1:1" x14ac:dyDescent="0.25">
      <c r="A138" s="2">
        <v>967.2</v>
      </c>
    </row>
    <row r="139" spans="1:1" x14ac:dyDescent="0.25">
      <c r="A139" s="2">
        <v>1039.03</v>
      </c>
    </row>
    <row r="140" spans="1:1" x14ac:dyDescent="0.25">
      <c r="A140" s="2">
        <v>1206.3</v>
      </c>
    </row>
    <row r="141" spans="1:1" x14ac:dyDescent="0.25">
      <c r="A141" s="2">
        <v>1320.74</v>
      </c>
    </row>
    <row r="142" spans="1:1" x14ac:dyDescent="0.25">
      <c r="A142" s="2">
        <v>1247.44</v>
      </c>
    </row>
    <row r="143" spans="1:1" x14ac:dyDescent="0.25">
      <c r="A143" s="2">
        <v>1229.4100000000001</v>
      </c>
    </row>
    <row r="144" spans="1:1" x14ac:dyDescent="0.25">
      <c r="A144" s="2">
        <v>1150.49</v>
      </c>
    </row>
    <row r="145" spans="1:1" x14ac:dyDescent="0.25">
      <c r="A145" s="2">
        <v>1138.02</v>
      </c>
    </row>
    <row r="146" spans="1:1" x14ac:dyDescent="0.25">
      <c r="A146" s="2">
        <v>1149.73</v>
      </c>
    </row>
    <row r="147" spans="1:1" x14ac:dyDescent="0.25">
      <c r="A147" s="2">
        <v>1173.9000000000001</v>
      </c>
    </row>
    <row r="148" spans="1:1" x14ac:dyDescent="0.25">
      <c r="A148" s="2">
        <v>1208.6400000000001</v>
      </c>
    </row>
    <row r="149" spans="1:1" x14ac:dyDescent="0.25">
      <c r="A149" s="2">
        <v>1190.81</v>
      </c>
    </row>
    <row r="150" spans="1:1" x14ac:dyDescent="0.25">
      <c r="A150" s="2">
        <v>1164.5</v>
      </c>
    </row>
    <row r="151" spans="1:1" x14ac:dyDescent="0.25">
      <c r="A151" s="2">
        <v>1147.74</v>
      </c>
    </row>
    <row r="152" spans="1:1" x14ac:dyDescent="0.25">
      <c r="A152" s="2">
        <v>1199.8</v>
      </c>
    </row>
    <row r="153" spans="1:1" x14ac:dyDescent="0.25">
      <c r="A153" s="2">
        <v>1078.81</v>
      </c>
    </row>
    <row r="154" spans="1:1" x14ac:dyDescent="0.25">
      <c r="A154" s="2">
        <v>931.68</v>
      </c>
    </row>
    <row r="155" spans="1:1" x14ac:dyDescent="0.25">
      <c r="A155" s="2">
        <v>844.67</v>
      </c>
    </row>
    <row r="156" spans="1:1" x14ac:dyDescent="0.25">
      <c r="A156" s="2">
        <v>799.31</v>
      </c>
    </row>
    <row r="157" spans="1:1" x14ac:dyDescent="0.25">
      <c r="A157" s="2">
        <v>788</v>
      </c>
    </row>
    <row r="158" spans="1:1" x14ac:dyDescent="0.25">
      <c r="A158" s="2">
        <v>779.91</v>
      </c>
    </row>
    <row r="159" spans="1:1" x14ac:dyDescent="0.25">
      <c r="A159" s="2">
        <v>777.73</v>
      </c>
    </row>
    <row r="160" spans="1:1" x14ac:dyDescent="0.25">
      <c r="A160" s="2">
        <v>792.92</v>
      </c>
    </row>
    <row r="161" spans="1:1" x14ac:dyDescent="0.25">
      <c r="A161" s="2">
        <v>831.45</v>
      </c>
    </row>
    <row r="162" spans="1:1" x14ac:dyDescent="0.25">
      <c r="A162" s="2">
        <v>870.59</v>
      </c>
    </row>
    <row r="163" spans="1:1" x14ac:dyDescent="0.25">
      <c r="A163" s="2">
        <v>908.34</v>
      </c>
    </row>
    <row r="164" spans="1:1" x14ac:dyDescent="0.25">
      <c r="A164" s="2">
        <v>925.06</v>
      </c>
    </row>
    <row r="165" spans="1:1" x14ac:dyDescent="0.25">
      <c r="A165" s="2">
        <v>911.33</v>
      </c>
    </row>
    <row r="166" spans="1:1" x14ac:dyDescent="0.25">
      <c r="A166" s="2">
        <v>879.57</v>
      </c>
    </row>
    <row r="167" spans="1:1" x14ac:dyDescent="0.25">
      <c r="A167" s="2">
        <v>854.22</v>
      </c>
    </row>
    <row r="168" spans="1:1" x14ac:dyDescent="0.25">
      <c r="A168" s="2">
        <v>868.33</v>
      </c>
    </row>
    <row r="169" spans="1:1" x14ac:dyDescent="0.25">
      <c r="A169" s="2">
        <v>873.03</v>
      </c>
    </row>
    <row r="170" spans="1:1" x14ac:dyDescent="0.25">
      <c r="A170" s="2">
        <v>874.2</v>
      </c>
    </row>
    <row r="171" spans="1:1" x14ac:dyDescent="0.25">
      <c r="A171" s="2">
        <v>878.59</v>
      </c>
    </row>
    <row r="172" spans="1:1" x14ac:dyDescent="0.25">
      <c r="A172" s="2">
        <v>885.23</v>
      </c>
    </row>
    <row r="173" spans="1:1" x14ac:dyDescent="0.25">
      <c r="A173" s="2">
        <v>888.1</v>
      </c>
    </row>
    <row r="174" spans="1:1" x14ac:dyDescent="0.25">
      <c r="A174" s="2">
        <v>885.83</v>
      </c>
    </row>
    <row r="175" spans="1:1" x14ac:dyDescent="0.25">
      <c r="A175" s="2">
        <v>945.95</v>
      </c>
    </row>
    <row r="176" spans="1:1" x14ac:dyDescent="0.25">
      <c r="A176" s="2">
        <v>930.92</v>
      </c>
    </row>
    <row r="177" spans="1:1" x14ac:dyDescent="0.25">
      <c r="A177" s="2">
        <v>982.25</v>
      </c>
    </row>
    <row r="178" spans="1:1" x14ac:dyDescent="0.25">
      <c r="A178" s="2">
        <v>1086.7</v>
      </c>
    </row>
    <row r="179" spans="1:1" x14ac:dyDescent="0.25">
      <c r="A179" s="2">
        <v>1087.99</v>
      </c>
    </row>
    <row r="180" spans="1:1" x14ac:dyDescent="0.25">
      <c r="A180" s="2">
        <v>1124.19</v>
      </c>
    </row>
    <row r="181" spans="1:1" x14ac:dyDescent="0.25">
      <c r="A181" s="2" t="s">
        <v>6</v>
      </c>
    </row>
    <row r="182" spans="1:1" x14ac:dyDescent="0.25">
      <c r="A182" s="2">
        <v>1401.65</v>
      </c>
    </row>
    <row r="183" spans="1:1" x14ac:dyDescent="0.25">
      <c r="A183" s="2">
        <v>1537.44</v>
      </c>
    </row>
    <row r="184" spans="1:1" x14ac:dyDescent="0.25">
      <c r="A184" s="2">
        <v>1520.39</v>
      </c>
    </row>
    <row r="185" spans="1:1" x14ac:dyDescent="0.25">
      <c r="A185" s="2">
        <v>1522.09</v>
      </c>
    </row>
    <row r="186" spans="1:1" x14ac:dyDescent="0.25">
      <c r="A186" s="2">
        <v>1541.59</v>
      </c>
    </row>
    <row r="187" spans="1:1" x14ac:dyDescent="0.25">
      <c r="A187" s="2">
        <v>1444.27</v>
      </c>
    </row>
    <row r="188" spans="1:1" x14ac:dyDescent="0.25">
      <c r="A188" s="2">
        <v>1366.71</v>
      </c>
    </row>
    <row r="189" spans="1:1" x14ac:dyDescent="0.25">
      <c r="A189" s="2">
        <v>1427.92</v>
      </c>
    </row>
    <row r="190" spans="1:1" x14ac:dyDescent="0.25">
      <c r="A190" s="2">
        <v>1450.99</v>
      </c>
    </row>
    <row r="191" spans="1:1" x14ac:dyDescent="0.25">
      <c r="A191" s="2">
        <v>1417.2</v>
      </c>
    </row>
    <row r="192" spans="1:1" x14ac:dyDescent="0.25">
      <c r="A192" s="2">
        <v>1359.63</v>
      </c>
    </row>
    <row r="193" spans="1:1" x14ac:dyDescent="0.25">
      <c r="A193" s="2">
        <v>1408.78</v>
      </c>
    </row>
    <row r="194" spans="1:1" x14ac:dyDescent="0.25">
      <c r="A194" s="2">
        <v>1629.15</v>
      </c>
    </row>
    <row r="195" spans="1:1" x14ac:dyDescent="0.25">
      <c r="A195" s="2">
        <v>1605.53</v>
      </c>
    </row>
    <row r="196" spans="1:1" x14ac:dyDescent="0.25">
      <c r="A196" s="2">
        <v>1665.32</v>
      </c>
    </row>
    <row r="197" spans="1:1" x14ac:dyDescent="0.25">
      <c r="A197" s="2">
        <v>1579.07</v>
      </c>
    </row>
    <row r="198" spans="1:1" x14ac:dyDescent="0.25">
      <c r="A198" s="2">
        <v>1604.32</v>
      </c>
    </row>
    <row r="199" spans="1:1" x14ac:dyDescent="0.25">
      <c r="A199" s="2">
        <v>1431.42</v>
      </c>
    </row>
    <row r="200" spans="1:1" x14ac:dyDescent="0.25">
      <c r="A200" s="2">
        <v>1272.6400000000001</v>
      </c>
    </row>
    <row r="201" spans="1:1" x14ac:dyDescent="0.25">
      <c r="A201" s="2">
        <v>1255.18</v>
      </c>
    </row>
    <row r="202" spans="1:1" x14ac:dyDescent="0.25">
      <c r="A202" s="2">
        <v>1118.07</v>
      </c>
    </row>
    <row r="203" spans="1:1" x14ac:dyDescent="0.25">
      <c r="A203" s="2">
        <v>1313.5</v>
      </c>
    </row>
    <row r="204" spans="1:1" x14ac:dyDescent="0.25">
      <c r="A204" s="2">
        <v>1441.65</v>
      </c>
    </row>
    <row r="205" spans="1:1" x14ac:dyDescent="0.25">
      <c r="A205" s="2">
        <v>1633.73</v>
      </c>
    </row>
    <row r="206" spans="1:1" x14ac:dyDescent="0.25">
      <c r="A206" s="2">
        <v>1545.51</v>
      </c>
    </row>
    <row r="207" spans="1:1" x14ac:dyDescent="0.25">
      <c r="A207" s="2">
        <v>1563.93</v>
      </c>
    </row>
    <row r="208" spans="1:1" x14ac:dyDescent="0.25">
      <c r="A208" s="2">
        <v>1542.86</v>
      </c>
    </row>
    <row r="209" spans="1:1" x14ac:dyDescent="0.25">
      <c r="A209" s="2">
        <v>1401.23</v>
      </c>
    </row>
    <row r="210" spans="1:1" x14ac:dyDescent="0.25">
      <c r="A210" s="2">
        <v>1230.33</v>
      </c>
    </row>
    <row r="211" spans="1:1" x14ac:dyDescent="0.25">
      <c r="A211" s="2">
        <v>1332.44</v>
      </c>
    </row>
    <row r="212" spans="1:1" x14ac:dyDescent="0.25">
      <c r="A212" s="2">
        <v>1556.08</v>
      </c>
    </row>
    <row r="213" spans="1:1" x14ac:dyDescent="0.25">
      <c r="A213" s="2">
        <v>1677.24</v>
      </c>
    </row>
    <row r="214" spans="1:1" x14ac:dyDescent="0.25">
      <c r="A214" s="2">
        <v>1637.27</v>
      </c>
    </row>
    <row r="215" spans="1:1" x14ac:dyDescent="0.25">
      <c r="A215" s="2">
        <v>1522.75</v>
      </c>
    </row>
    <row r="216" spans="1:1" x14ac:dyDescent="0.25">
      <c r="A216" s="2">
        <v>1573.85</v>
      </c>
    </row>
    <row r="217" spans="1:1" x14ac:dyDescent="0.25">
      <c r="A217" s="2">
        <v>1541.86</v>
      </c>
    </row>
    <row r="218" spans="1:1" x14ac:dyDescent="0.25">
      <c r="A218" s="2">
        <v>1648.46</v>
      </c>
    </row>
    <row r="219" spans="1:1" x14ac:dyDescent="0.25">
      <c r="A219" s="2">
        <v>1778.41</v>
      </c>
    </row>
    <row r="220" spans="1:1" x14ac:dyDescent="0.25">
      <c r="A220" s="2">
        <v>2300.23</v>
      </c>
    </row>
    <row r="221" spans="1:1" x14ac:dyDescent="0.25">
      <c r="A221" s="2">
        <v>1928.58</v>
      </c>
    </row>
    <row r="222" spans="1:1" x14ac:dyDescent="0.25">
      <c r="A222" s="2">
        <v>1992.21</v>
      </c>
    </row>
    <row r="223" spans="1:1" x14ac:dyDescent="0.25">
      <c r="A223" s="2">
        <v>2199.8200000000002</v>
      </c>
    </row>
    <row r="224" spans="1:1" x14ac:dyDescent="0.25">
      <c r="A224" s="2">
        <v>1949.43</v>
      </c>
    </row>
    <row r="225" spans="1:1" x14ac:dyDescent="0.25">
      <c r="A225" s="2">
        <v>1836.07</v>
      </c>
    </row>
    <row r="226" spans="1:1" x14ac:dyDescent="0.25">
      <c r="A226" s="2">
        <v>1760.53</v>
      </c>
    </row>
    <row r="227" spans="1:1" x14ac:dyDescent="0.25">
      <c r="A227" s="2">
        <v>1825.01</v>
      </c>
    </row>
    <row r="228" spans="1:1" x14ac:dyDescent="0.25">
      <c r="A228" s="2">
        <v>1952.86</v>
      </c>
    </row>
    <row r="229" spans="1:1" x14ac:dyDescent="0.25">
      <c r="A229" s="2">
        <v>1842.73</v>
      </c>
    </row>
    <row r="230" spans="1:1" x14ac:dyDescent="0.25">
      <c r="A230" s="2">
        <v>1765.67</v>
      </c>
    </row>
    <row r="231" spans="1:1" x14ac:dyDescent="0.25">
      <c r="A231" s="2">
        <v>1842.32</v>
      </c>
    </row>
    <row r="232" spans="1:1" x14ac:dyDescent="0.25">
      <c r="A232" s="2">
        <v>1945.13</v>
      </c>
    </row>
    <row r="233" spans="1:1" x14ac:dyDescent="0.25">
      <c r="A233" s="2">
        <v>1920.92</v>
      </c>
    </row>
    <row r="234" spans="1:1" x14ac:dyDescent="0.25">
      <c r="A234" s="2">
        <v>1949.42</v>
      </c>
    </row>
    <row r="235" spans="1:1" x14ac:dyDescent="0.25">
      <c r="A235" s="2">
        <v>1934.1</v>
      </c>
    </row>
    <row r="236" spans="1:1" x14ac:dyDescent="0.25">
      <c r="A236" s="2">
        <v>1942.13</v>
      </c>
    </row>
    <row r="237" spans="1:1" x14ac:dyDescent="0.25">
      <c r="A237" s="2">
        <v>1954.15</v>
      </c>
    </row>
    <row r="238" spans="1:1" x14ac:dyDescent="0.25">
      <c r="A238" s="2">
        <v>1988.77</v>
      </c>
    </row>
    <row r="239" spans="1:1" x14ac:dyDescent="0.25">
      <c r="A239" s="2">
        <v>2294.5300000000002</v>
      </c>
    </row>
    <row r="240" spans="1:1" x14ac:dyDescent="0.25">
      <c r="A240" s="2">
        <v>2845.55</v>
      </c>
    </row>
    <row r="241" spans="1:1" x14ac:dyDescent="0.25">
      <c r="A241" s="2" t="s">
        <v>7</v>
      </c>
    </row>
    <row r="242" spans="1:1" x14ac:dyDescent="0.25">
      <c r="A242" s="2">
        <v>2388.79</v>
      </c>
    </row>
    <row r="243" spans="1:1" x14ac:dyDescent="0.25">
      <c r="A243" s="2">
        <v>2200.6799999999998</v>
      </c>
    </row>
    <row r="244" spans="1:1" x14ac:dyDescent="0.25">
      <c r="A244" s="2">
        <v>2320.8000000000002</v>
      </c>
    </row>
    <row r="245" spans="1:1" x14ac:dyDescent="0.25">
      <c r="A245" s="2">
        <v>2608.44</v>
      </c>
    </row>
    <row r="246" spans="1:1" x14ac:dyDescent="0.25">
      <c r="A246" s="2">
        <v>2526.08</v>
      </c>
    </row>
    <row r="247" spans="1:1" x14ac:dyDescent="0.25">
      <c r="A247" s="2">
        <v>2725.02</v>
      </c>
    </row>
    <row r="248" spans="1:1" x14ac:dyDescent="0.25">
      <c r="A248" s="2">
        <v>2833.7</v>
      </c>
    </row>
    <row r="249" spans="1:1" x14ac:dyDescent="0.25">
      <c r="A249" s="2">
        <v>2802.61</v>
      </c>
    </row>
    <row r="250" spans="1:1" x14ac:dyDescent="0.25">
      <c r="A250" s="2">
        <v>2852.55</v>
      </c>
    </row>
    <row r="251" spans="1:1" x14ac:dyDescent="0.25">
      <c r="A251" s="2">
        <v>2116.59</v>
      </c>
    </row>
    <row r="252" spans="1:1" x14ac:dyDescent="0.25">
      <c r="A252" s="2">
        <v>2668.7</v>
      </c>
    </row>
    <row r="253" spans="1:1" x14ac:dyDescent="0.25">
      <c r="A253" s="2">
        <v>3017.61</v>
      </c>
    </row>
    <row r="254" spans="1:1" x14ac:dyDescent="0.25">
      <c r="A254" s="2">
        <v>2533.92</v>
      </c>
    </row>
    <row r="255" spans="1:1" x14ac:dyDescent="0.25">
      <c r="A255" s="2">
        <v>2069.94</v>
      </c>
    </row>
    <row r="256" spans="1:1" x14ac:dyDescent="0.25">
      <c r="A256" s="2">
        <v>2410.16</v>
      </c>
    </row>
    <row r="257" spans="1:1" x14ac:dyDescent="0.25">
      <c r="A257" s="2">
        <v>2944.23</v>
      </c>
    </row>
    <row r="258" spans="1:1" x14ac:dyDescent="0.25">
      <c r="A258" s="2">
        <v>2700.17</v>
      </c>
    </row>
    <row r="259" spans="1:1" x14ac:dyDescent="0.25">
      <c r="A259" s="2">
        <v>2737.23</v>
      </c>
    </row>
    <row r="260" spans="1:1" x14ac:dyDescent="0.25">
      <c r="A260" s="2">
        <v>2696.05</v>
      </c>
    </row>
    <row r="261" spans="1:1" x14ac:dyDescent="0.25">
      <c r="A261" s="2">
        <v>2653.46</v>
      </c>
    </row>
    <row r="262" spans="1:1" x14ac:dyDescent="0.25">
      <c r="A262" s="2">
        <v>2632.89</v>
      </c>
    </row>
    <row r="263" spans="1:1" x14ac:dyDescent="0.25">
      <c r="A263" s="2">
        <v>2488.14</v>
      </c>
    </row>
    <row r="264" spans="1:1" x14ac:dyDescent="0.25">
      <c r="A264" s="2">
        <v>2742.93</v>
      </c>
    </row>
    <row r="265" spans="1:1" x14ac:dyDescent="0.25">
      <c r="A265" s="2">
        <v>2768.6</v>
      </c>
    </row>
    <row r="266" spans="1:1" x14ac:dyDescent="0.25">
      <c r="A266" s="2">
        <v>3049.79</v>
      </c>
    </row>
    <row r="267" spans="1:1" x14ac:dyDescent="0.25">
      <c r="A267" s="2">
        <v>3231.92</v>
      </c>
    </row>
    <row r="268" spans="1:1" x14ac:dyDescent="0.25">
      <c r="A268" s="2">
        <v>2705.7</v>
      </c>
    </row>
    <row r="269" spans="1:1" x14ac:dyDescent="0.25">
      <c r="A269" s="2">
        <v>2704.36</v>
      </c>
    </row>
    <row r="270" spans="1:1" x14ac:dyDescent="0.25">
      <c r="A270" s="2">
        <v>2227.48</v>
      </c>
    </row>
    <row r="271" spans="1:1" x14ac:dyDescent="0.25">
      <c r="A271" s="2">
        <v>2309.3200000000002</v>
      </c>
    </row>
    <row r="272" spans="1:1" x14ac:dyDescent="0.25">
      <c r="A272" s="2">
        <v>2112.11</v>
      </c>
    </row>
    <row r="273" spans="1:1" x14ac:dyDescent="0.25">
      <c r="A273" s="2">
        <v>1967.77</v>
      </c>
    </row>
    <row r="274" spans="1:1" x14ac:dyDescent="0.25">
      <c r="A274" s="2">
        <v>1911.89</v>
      </c>
    </row>
    <row r="275" spans="1:1" x14ac:dyDescent="0.25">
      <c r="A275" s="2">
        <v>1963.59</v>
      </c>
    </row>
    <row r="276" spans="1:1" x14ac:dyDescent="0.25">
      <c r="A276" s="2">
        <v>2110.58</v>
      </c>
    </row>
    <row r="277" spans="1:1" x14ac:dyDescent="0.25">
      <c r="A277" s="2">
        <v>2553.87</v>
      </c>
    </row>
    <row r="278" spans="1:1" x14ac:dyDescent="0.25">
      <c r="A278" s="2">
        <v>2858.67</v>
      </c>
    </row>
    <row r="279" spans="1:1" x14ac:dyDescent="0.25">
      <c r="A279" s="2">
        <v>3165.67</v>
      </c>
    </row>
    <row r="280" spans="1:1" x14ac:dyDescent="0.25">
      <c r="A280" s="2">
        <v>2809.15</v>
      </c>
    </row>
    <row r="281" spans="1:1" x14ac:dyDescent="0.25">
      <c r="A281" s="2">
        <v>2507.64</v>
      </c>
    </row>
    <row r="282" spans="1:1" x14ac:dyDescent="0.25">
      <c r="A282" s="2">
        <v>2921.13</v>
      </c>
    </row>
    <row r="283" spans="1:1" x14ac:dyDescent="0.25">
      <c r="A283" s="2">
        <v>3631.77</v>
      </c>
    </row>
    <row r="284" spans="1:1" x14ac:dyDescent="0.25">
      <c r="A284" s="2">
        <v>3523.66</v>
      </c>
    </row>
    <row r="285" spans="1:1" x14ac:dyDescent="0.25">
      <c r="A285" s="2">
        <v>2591.31</v>
      </c>
    </row>
    <row r="286" spans="1:1" x14ac:dyDescent="0.25">
      <c r="A286" s="2">
        <v>1935.54</v>
      </c>
    </row>
    <row r="287" spans="1:1" x14ac:dyDescent="0.25">
      <c r="A287" s="2">
        <v>1986.97</v>
      </c>
    </row>
    <row r="288" spans="1:1" x14ac:dyDescent="0.25">
      <c r="A288" s="2">
        <v>2396.3000000000002</v>
      </c>
    </row>
    <row r="289" spans="1:1" x14ac:dyDescent="0.25">
      <c r="A289" s="2">
        <v>3073.68</v>
      </c>
    </row>
    <row r="290" spans="1:1" x14ac:dyDescent="0.25">
      <c r="A290" s="2">
        <v>3021.66</v>
      </c>
    </row>
    <row r="291" spans="1:1" x14ac:dyDescent="0.25">
      <c r="A291" s="2">
        <v>2936.93</v>
      </c>
    </row>
    <row r="292" spans="1:1" x14ac:dyDescent="0.25">
      <c r="A292" s="2">
        <v>2892.21</v>
      </c>
    </row>
    <row r="293" spans="1:1" x14ac:dyDescent="0.25">
      <c r="A293" s="2">
        <v>3152.7</v>
      </c>
    </row>
    <row r="294" spans="1:1" x14ac:dyDescent="0.25">
      <c r="A294" s="2">
        <v>3159.19</v>
      </c>
    </row>
    <row r="295" spans="1:1" x14ac:dyDescent="0.25">
      <c r="A295" s="2">
        <v>3662.44</v>
      </c>
    </row>
    <row r="296" spans="1:1" x14ac:dyDescent="0.25">
      <c r="A296" s="2">
        <v>3764.57</v>
      </c>
    </row>
    <row r="297" spans="1:1" x14ac:dyDescent="0.25">
      <c r="A297" s="2">
        <v>3746.5</v>
      </c>
    </row>
    <row r="298" spans="1:1" x14ac:dyDescent="0.25">
      <c r="A298" s="2">
        <v>3760.94</v>
      </c>
    </row>
    <row r="299" spans="1:1" x14ac:dyDescent="0.25">
      <c r="A299" s="2">
        <v>3657.33</v>
      </c>
    </row>
    <row r="300" spans="1:1" x14ac:dyDescent="0.25">
      <c r="A300" s="2">
        <v>3650.14</v>
      </c>
    </row>
    <row r="301" spans="1:1" x14ac:dyDescent="0.25">
      <c r="A301" s="2" t="s">
        <v>8</v>
      </c>
    </row>
    <row r="302" spans="1:1" x14ac:dyDescent="0.25">
      <c r="A302" s="2">
        <v>3290.47</v>
      </c>
    </row>
    <row r="303" spans="1:1" x14ac:dyDescent="0.25">
      <c r="A303" s="2">
        <v>3578.06</v>
      </c>
    </row>
    <row r="304" spans="1:1" x14ac:dyDescent="0.25">
      <c r="A304" s="2">
        <v>3274.1</v>
      </c>
    </row>
    <row r="305" spans="1:1" x14ac:dyDescent="0.25">
      <c r="A305" s="2">
        <v>2284.21</v>
      </c>
    </row>
    <row r="306" spans="1:1" x14ac:dyDescent="0.25">
      <c r="A306" s="2">
        <v>2190.5100000000002</v>
      </c>
    </row>
    <row r="307" spans="1:1" x14ac:dyDescent="0.25">
      <c r="A307" s="2">
        <v>2299.61</v>
      </c>
    </row>
    <row r="308" spans="1:1" x14ac:dyDescent="0.25">
      <c r="A308" s="2">
        <v>2215.61</v>
      </c>
    </row>
    <row r="309" spans="1:1" x14ac:dyDescent="0.25">
      <c r="A309" s="2">
        <v>2006.72</v>
      </c>
    </row>
    <row r="310" spans="1:1" x14ac:dyDescent="0.25">
      <c r="A310" s="2">
        <v>2133.69</v>
      </c>
    </row>
    <row r="311" spans="1:1" x14ac:dyDescent="0.25">
      <c r="A311" s="2">
        <v>2241.2600000000002</v>
      </c>
    </row>
    <row r="312" spans="1:1" x14ac:dyDescent="0.25">
      <c r="A312" s="2">
        <v>2422.02</v>
      </c>
    </row>
    <row r="313" spans="1:1" x14ac:dyDescent="0.25">
      <c r="A313" s="2">
        <v>2435.84</v>
      </c>
    </row>
    <row r="314" spans="1:1" x14ac:dyDescent="0.25">
      <c r="A314" s="2">
        <v>2327.11</v>
      </c>
    </row>
    <row r="315" spans="1:1" x14ac:dyDescent="0.25">
      <c r="A315" s="2">
        <v>2264.7199999999998</v>
      </c>
    </row>
    <row r="316" spans="1:1" x14ac:dyDescent="0.25">
      <c r="A316" s="2">
        <v>2166.44</v>
      </c>
    </row>
    <row r="317" spans="1:1" x14ac:dyDescent="0.25">
      <c r="A317" s="2">
        <v>2041.94</v>
      </c>
    </row>
    <row r="318" spans="1:1" x14ac:dyDescent="0.25">
      <c r="A318" s="2">
        <v>1935.91</v>
      </c>
    </row>
    <row r="319" spans="1:1" x14ac:dyDescent="0.25">
      <c r="A319" s="2">
        <v>1830.04</v>
      </c>
    </row>
    <row r="320" spans="1:1" x14ac:dyDescent="0.25">
      <c r="A320" s="2">
        <v>1721.4</v>
      </c>
    </row>
    <row r="321" spans="1:1" x14ac:dyDescent="0.25">
      <c r="A321" s="2">
        <v>1638.7</v>
      </c>
    </row>
    <row r="322" spans="1:1" x14ac:dyDescent="0.25">
      <c r="A322" s="2">
        <v>1597.38</v>
      </c>
    </row>
    <row r="323" spans="1:1" x14ac:dyDescent="0.25">
      <c r="A323" s="2">
        <v>1631.97</v>
      </c>
    </row>
    <row r="324" spans="1:1" x14ac:dyDescent="0.25">
      <c r="A324" s="2">
        <v>1645.09</v>
      </c>
    </row>
    <row r="325" spans="1:1" x14ac:dyDescent="0.25">
      <c r="A325" s="2">
        <v>1816.69</v>
      </c>
    </row>
    <row r="326" spans="1:1" x14ac:dyDescent="0.25">
      <c r="A326" s="2">
        <v>2025</v>
      </c>
    </row>
    <row r="327" spans="1:1" x14ac:dyDescent="0.25">
      <c r="A327" s="2">
        <v>2171.8200000000002</v>
      </c>
    </row>
    <row r="328" spans="1:1" x14ac:dyDescent="0.25">
      <c r="A328" s="2">
        <v>2066.84</v>
      </c>
    </row>
    <row r="329" spans="1:1" x14ac:dyDescent="0.25">
      <c r="A329" s="2">
        <v>1900.28</v>
      </c>
    </row>
    <row r="330" spans="1:1" x14ac:dyDescent="0.25">
      <c r="A330" s="2">
        <v>1964.53</v>
      </c>
    </row>
    <row r="331" spans="1:1" x14ac:dyDescent="0.25">
      <c r="A331" s="2">
        <v>2017.52</v>
      </c>
    </row>
    <row r="332" spans="1:1" x14ac:dyDescent="0.25">
      <c r="A332" s="2">
        <v>2065.4499999999998</v>
      </c>
    </row>
    <row r="333" spans="1:1" x14ac:dyDescent="0.25">
      <c r="A333" s="2">
        <v>2079.58</v>
      </c>
    </row>
    <row r="334" spans="1:1" x14ac:dyDescent="0.25">
      <c r="A334" s="2">
        <v>2065.9299999999998</v>
      </c>
    </row>
    <row r="335" spans="1:1" x14ac:dyDescent="0.25">
      <c r="A335" s="2">
        <v>1978.78</v>
      </c>
    </row>
    <row r="336" spans="1:1" x14ac:dyDescent="0.25">
      <c r="A336" s="2">
        <v>1853.15</v>
      </c>
    </row>
    <row r="337" spans="1:1" x14ac:dyDescent="0.25">
      <c r="A337" s="2">
        <v>1715.56</v>
      </c>
    </row>
    <row r="338" spans="1:1" x14ac:dyDescent="0.25">
      <c r="A338" s="2">
        <v>1735.35</v>
      </c>
    </row>
    <row r="339" spans="1:1" x14ac:dyDescent="0.25">
      <c r="A339" s="2">
        <v>1830.99</v>
      </c>
    </row>
    <row r="340" spans="1:1" x14ac:dyDescent="0.25">
      <c r="A340" s="2">
        <v>1931.39</v>
      </c>
    </row>
    <row r="341" spans="1:1" x14ac:dyDescent="0.25">
      <c r="A341" s="2">
        <v>2052.2800000000002</v>
      </c>
    </row>
    <row r="342" spans="1:1" x14ac:dyDescent="0.25">
      <c r="A342" s="2">
        <v>2142.6</v>
      </c>
    </row>
    <row r="343" spans="1:1" x14ac:dyDescent="0.25">
      <c r="A343" s="2">
        <v>2047.78</v>
      </c>
    </row>
    <row r="344" spans="1:1" x14ac:dyDescent="0.25">
      <c r="A344" s="2">
        <v>1965.51</v>
      </c>
    </row>
    <row r="345" spans="1:1" x14ac:dyDescent="0.25">
      <c r="A345" s="2">
        <v>1805</v>
      </c>
    </row>
    <row r="346" spans="1:1" x14ac:dyDescent="0.25">
      <c r="A346" s="2">
        <v>1717.45</v>
      </c>
    </row>
    <row r="347" spans="1:1" x14ac:dyDescent="0.25">
      <c r="A347" s="2">
        <v>1635.31</v>
      </c>
    </row>
    <row r="348" spans="1:1" x14ac:dyDescent="0.25">
      <c r="A348" s="2">
        <v>1598.88</v>
      </c>
    </row>
    <row r="349" spans="1:1" x14ac:dyDescent="0.25">
      <c r="A349" s="2">
        <v>1602.42</v>
      </c>
    </row>
    <row r="350" spans="1:1" x14ac:dyDescent="0.25">
      <c r="A350" s="2">
        <v>1665.07</v>
      </c>
    </row>
    <row r="351" spans="1:1" x14ac:dyDescent="0.25">
      <c r="A351" s="2">
        <v>1699.86</v>
      </c>
    </row>
    <row r="352" spans="1:1" x14ac:dyDescent="0.25">
      <c r="A352" s="2">
        <v>1806.63</v>
      </c>
    </row>
    <row r="353" spans="1:1" x14ac:dyDescent="0.25">
      <c r="A353" s="2">
        <v>2022.53</v>
      </c>
    </row>
    <row r="354" spans="1:1" x14ac:dyDescent="0.25">
      <c r="A354" s="2">
        <v>1913.48</v>
      </c>
    </row>
    <row r="355" spans="1:1" x14ac:dyDescent="0.25">
      <c r="A355" s="2">
        <v>1751.92</v>
      </c>
    </row>
    <row r="356" spans="1:1" x14ac:dyDescent="0.25">
      <c r="A356" s="2">
        <v>1684.59</v>
      </c>
    </row>
    <row r="357" spans="1:1" x14ac:dyDescent="0.25">
      <c r="A357" s="2">
        <v>1584.65</v>
      </c>
    </row>
    <row r="358" spans="1:1" x14ac:dyDescent="0.25">
      <c r="A358" s="2">
        <v>1687.78</v>
      </c>
    </row>
    <row r="359" spans="1:1" x14ac:dyDescent="0.25">
      <c r="A359" s="2">
        <v>1659.86</v>
      </c>
    </row>
    <row r="360" spans="1:1" x14ac:dyDescent="0.25">
      <c r="A360" s="2">
        <v>1586.72</v>
      </c>
    </row>
    <row r="361" spans="1:1" x14ac:dyDescent="0.25">
      <c r="A361" s="2" t="s">
        <v>9</v>
      </c>
    </row>
    <row r="362" spans="1:1" x14ac:dyDescent="0.25">
      <c r="A362" s="2">
        <v>1567.78</v>
      </c>
    </row>
    <row r="363" spans="1:1" x14ac:dyDescent="0.25">
      <c r="A363" s="2">
        <v>1577.39</v>
      </c>
    </row>
    <row r="364" spans="1:1" x14ac:dyDescent="0.25">
      <c r="A364" s="2">
        <v>1513.6</v>
      </c>
    </row>
    <row r="365" spans="1:1" x14ac:dyDescent="0.25">
      <c r="A365" s="2">
        <v>1488.57</v>
      </c>
    </row>
    <row r="366" spans="1:1" x14ac:dyDescent="0.25">
      <c r="A366" s="2">
        <v>1499.65</v>
      </c>
    </row>
    <row r="367" spans="1:1" x14ac:dyDescent="0.25">
      <c r="A367" s="2">
        <v>1497.53</v>
      </c>
    </row>
    <row r="368" spans="1:1" x14ac:dyDescent="0.25">
      <c r="A368" s="2">
        <v>1430.92</v>
      </c>
    </row>
    <row r="369" spans="1:1" x14ac:dyDescent="0.25">
      <c r="A369" s="2">
        <v>1451.78</v>
      </c>
    </row>
    <row r="370" spans="1:1" x14ac:dyDescent="0.25">
      <c r="A370" s="2">
        <v>1579.37</v>
      </c>
    </row>
    <row r="371" spans="1:1" x14ac:dyDescent="0.25">
      <c r="A371" s="2">
        <v>1391.12</v>
      </c>
    </row>
    <row r="372" spans="1:1" x14ac:dyDescent="0.25">
      <c r="A372" s="2">
        <v>1370.28</v>
      </c>
    </row>
    <row r="373" spans="1:1" x14ac:dyDescent="0.25">
      <c r="A373" s="2">
        <v>1329.95</v>
      </c>
    </row>
    <row r="374" spans="1:1" x14ac:dyDescent="0.25">
      <c r="A374" s="2">
        <v>1340.09</v>
      </c>
    </row>
    <row r="375" spans="1:1" x14ac:dyDescent="0.25">
      <c r="A375" s="2">
        <v>1298.22</v>
      </c>
    </row>
    <row r="376" spans="1:1" x14ac:dyDescent="0.25">
      <c r="A376" s="2">
        <v>1294.9100000000001</v>
      </c>
    </row>
    <row r="377" spans="1:1" x14ac:dyDescent="0.25">
      <c r="A377" s="2">
        <v>1317.87</v>
      </c>
    </row>
    <row r="378" spans="1:1" x14ac:dyDescent="0.25">
      <c r="A378" s="2">
        <v>1414.01</v>
      </c>
    </row>
    <row r="379" spans="1:1" x14ac:dyDescent="0.25">
      <c r="A379" s="2">
        <v>1699.6</v>
      </c>
    </row>
    <row r="380" spans="1:1" x14ac:dyDescent="0.25">
      <c r="A380" s="2">
        <v>1994.08</v>
      </c>
    </row>
    <row r="381" spans="1:1" x14ac:dyDescent="0.25">
      <c r="A381" s="2">
        <v>1823.72</v>
      </c>
    </row>
    <row r="382" spans="1:1" x14ac:dyDescent="0.25">
      <c r="A382" s="2">
        <v>1749.39</v>
      </c>
    </row>
    <row r="383" spans="1:1" x14ac:dyDescent="0.25">
      <c r="A383" s="2">
        <v>1716.99</v>
      </c>
    </row>
    <row r="384" spans="1:1" x14ac:dyDescent="0.25">
      <c r="A384" s="2">
        <v>1676.02</v>
      </c>
    </row>
    <row r="385" spans="1:1" x14ac:dyDescent="0.25">
      <c r="A385" s="2">
        <v>1490.57</v>
      </c>
    </row>
    <row r="386" spans="1:1" x14ac:dyDescent="0.25">
      <c r="A386" s="2">
        <v>1344.84</v>
      </c>
    </row>
    <row r="387" spans="1:1" x14ac:dyDescent="0.25">
      <c r="A387" s="2">
        <v>1224.71</v>
      </c>
    </row>
    <row r="388" spans="1:1" x14ac:dyDescent="0.25">
      <c r="A388" s="2">
        <v>1147.3599999999999</v>
      </c>
    </row>
    <row r="389" spans="1:1" x14ac:dyDescent="0.25">
      <c r="A389" s="2">
        <v>1188.56</v>
      </c>
    </row>
    <row r="390" spans="1:1" x14ac:dyDescent="0.25">
      <c r="A390" s="2">
        <v>1145.44</v>
      </c>
    </row>
    <row r="391" spans="1:1" x14ac:dyDescent="0.25">
      <c r="A391" s="2">
        <v>1079.1500000000001</v>
      </c>
    </row>
    <row r="392" spans="1:1" x14ac:dyDescent="0.25">
      <c r="A392" s="2">
        <v>1047.17</v>
      </c>
    </row>
    <row r="393" spans="1:1" x14ac:dyDescent="0.25">
      <c r="A393" s="2">
        <v>1025.93</v>
      </c>
    </row>
    <row r="394" spans="1:1" x14ac:dyDescent="0.25">
      <c r="A394" s="2">
        <v>962.86</v>
      </c>
    </row>
    <row r="395" spans="1:1" x14ac:dyDescent="0.25">
      <c r="A395" s="2">
        <v>907.38</v>
      </c>
    </row>
    <row r="396" spans="1:1" x14ac:dyDescent="0.25">
      <c r="A396" s="2">
        <v>879.75</v>
      </c>
    </row>
    <row r="397" spans="1:1" x14ac:dyDescent="0.25">
      <c r="A397" s="2">
        <v>886.27</v>
      </c>
    </row>
    <row r="398" spans="1:1" x14ac:dyDescent="0.25">
      <c r="A398" s="2">
        <v>887.39</v>
      </c>
    </row>
    <row r="399" spans="1:1" x14ac:dyDescent="0.25">
      <c r="A399" s="2">
        <v>874.74</v>
      </c>
    </row>
    <row r="400" spans="1:1" x14ac:dyDescent="0.25">
      <c r="A400" s="2">
        <v>854.24</v>
      </c>
    </row>
    <row r="401" spans="1:1" x14ac:dyDescent="0.25">
      <c r="A401" s="2">
        <v>821.85</v>
      </c>
    </row>
    <row r="402" spans="1:1" x14ac:dyDescent="0.25">
      <c r="A402" s="2">
        <v>815.55</v>
      </c>
    </row>
    <row r="403" spans="1:1" x14ac:dyDescent="0.25">
      <c r="A403" s="2">
        <v>821.03</v>
      </c>
    </row>
    <row r="404" spans="1:1" x14ac:dyDescent="0.25">
      <c r="A404" s="2">
        <v>838.52</v>
      </c>
    </row>
    <row r="405" spans="1:1" x14ac:dyDescent="0.25">
      <c r="A405" s="2">
        <v>863.73</v>
      </c>
    </row>
    <row r="406" spans="1:1" x14ac:dyDescent="0.25">
      <c r="A406" s="2">
        <v>860.64</v>
      </c>
    </row>
    <row r="407" spans="1:1" x14ac:dyDescent="0.25">
      <c r="A407" s="2">
        <v>862.52</v>
      </c>
    </row>
    <row r="408" spans="1:1" x14ac:dyDescent="0.25">
      <c r="A408" s="2">
        <v>831.57</v>
      </c>
    </row>
    <row r="409" spans="1:1" x14ac:dyDescent="0.25">
      <c r="A409" s="2">
        <v>802.8</v>
      </c>
    </row>
    <row r="410" spans="1:1" x14ac:dyDescent="0.25">
      <c r="A410" s="2">
        <v>774.12</v>
      </c>
    </row>
    <row r="411" spans="1:1" x14ac:dyDescent="0.25">
      <c r="A411" s="2">
        <v>759.16</v>
      </c>
    </row>
    <row r="412" spans="1:1" x14ac:dyDescent="0.25">
      <c r="A412" s="2">
        <v>733.83</v>
      </c>
    </row>
    <row r="413" spans="1:1" x14ac:dyDescent="0.25">
      <c r="A413" s="2">
        <v>700.57</v>
      </c>
    </row>
    <row r="414" spans="1:1" x14ac:dyDescent="0.25">
      <c r="A414" s="2">
        <v>688.89</v>
      </c>
    </row>
    <row r="415" spans="1:1" x14ac:dyDescent="0.25">
      <c r="A415" s="2">
        <v>688.01</v>
      </c>
    </row>
    <row r="416" spans="1:1" x14ac:dyDescent="0.25">
      <c r="A416" s="2">
        <v>682.73</v>
      </c>
    </row>
    <row r="417" spans="1:1" x14ac:dyDescent="0.25">
      <c r="A417" s="2">
        <v>699.17</v>
      </c>
    </row>
    <row r="418" spans="1:1" x14ac:dyDescent="0.25">
      <c r="A418" s="2">
        <v>752.98</v>
      </c>
    </row>
    <row r="419" spans="1:1" x14ac:dyDescent="0.25">
      <c r="A419" s="2">
        <v>825.46</v>
      </c>
    </row>
    <row r="420" spans="1:1" x14ac:dyDescent="0.25">
      <c r="A420" s="2">
        <v>923.93</v>
      </c>
    </row>
    <row r="421" spans="1:1" x14ac:dyDescent="0.25">
      <c r="A421" s="2" t="s">
        <v>10</v>
      </c>
    </row>
    <row r="422" spans="1:1" x14ac:dyDescent="0.25">
      <c r="A422" s="2">
        <v>1158.3699999999999</v>
      </c>
    </row>
    <row r="423" spans="1:1" x14ac:dyDescent="0.25">
      <c r="A423" s="2">
        <v>1221.3800000000001</v>
      </c>
    </row>
    <row r="424" spans="1:1" x14ac:dyDescent="0.25">
      <c r="A424" s="2">
        <v>1281.4000000000001</v>
      </c>
    </row>
    <row r="425" spans="1:1" x14ac:dyDescent="0.25">
      <c r="A425" s="2">
        <v>1284</v>
      </c>
    </row>
    <row r="426" spans="1:1" x14ac:dyDescent="0.25">
      <c r="A426" s="2">
        <v>1230.3699999999999</v>
      </c>
    </row>
    <row r="427" spans="1:1" x14ac:dyDescent="0.25">
      <c r="A427" s="2">
        <v>1169.27</v>
      </c>
    </row>
    <row r="428" spans="1:1" x14ac:dyDescent="0.25">
      <c r="A428" s="2">
        <v>1117.45</v>
      </c>
    </row>
    <row r="429" spans="1:1" x14ac:dyDescent="0.25">
      <c r="A429" s="2">
        <v>1117.5899999999999</v>
      </c>
    </row>
    <row r="430" spans="1:1" x14ac:dyDescent="0.25">
      <c r="A430" s="2">
        <v>1131.47</v>
      </c>
    </row>
    <row r="431" spans="1:1" x14ac:dyDescent="0.25">
      <c r="A431" s="2">
        <v>1139.79</v>
      </c>
    </row>
    <row r="432" spans="1:1" x14ac:dyDescent="0.25">
      <c r="A432" s="2">
        <v>1151</v>
      </c>
    </row>
    <row r="433" spans="1:1" x14ac:dyDescent="0.25">
      <c r="A433" s="2">
        <v>1198.22</v>
      </c>
    </row>
    <row r="434" spans="1:1" x14ac:dyDescent="0.25">
      <c r="A434" s="2">
        <v>1276.8599999999999</v>
      </c>
    </row>
    <row r="435" spans="1:1" x14ac:dyDescent="0.25">
      <c r="A435" s="2">
        <v>1369.44</v>
      </c>
    </row>
    <row r="436" spans="1:1" x14ac:dyDescent="0.25">
      <c r="A436" s="2">
        <v>1453.81</v>
      </c>
    </row>
    <row r="437" spans="1:1" x14ac:dyDescent="0.25">
      <c r="A437" s="2">
        <v>1531.11</v>
      </c>
    </row>
    <row r="438" spans="1:1" x14ac:dyDescent="0.25">
      <c r="A438" s="2">
        <v>1592.62</v>
      </c>
    </row>
    <row r="439" spans="1:1" x14ac:dyDescent="0.25">
      <c r="A439" s="2">
        <v>1625.7</v>
      </c>
    </row>
    <row r="440" spans="1:1" x14ac:dyDescent="0.25">
      <c r="A440" s="2">
        <v>1688.24</v>
      </c>
    </row>
    <row r="441" spans="1:1" x14ac:dyDescent="0.25">
      <c r="A441" s="2">
        <v>1750.27</v>
      </c>
    </row>
    <row r="442" spans="1:1" x14ac:dyDescent="0.25">
      <c r="A442" s="2">
        <v>1640.07</v>
      </c>
    </row>
    <row r="443" spans="1:1" x14ac:dyDescent="0.25">
      <c r="A443" s="2">
        <v>1656.21</v>
      </c>
    </row>
    <row r="444" spans="1:1" x14ac:dyDescent="0.25">
      <c r="A444" s="2">
        <v>1736.22</v>
      </c>
    </row>
    <row r="445" spans="1:1" x14ac:dyDescent="0.25">
      <c r="A445" s="2">
        <v>1817.75</v>
      </c>
    </row>
    <row r="446" spans="1:1" x14ac:dyDescent="0.25">
      <c r="A446" s="2">
        <v>1774.55</v>
      </c>
    </row>
    <row r="447" spans="1:1" x14ac:dyDescent="0.25">
      <c r="A447" s="2">
        <v>1683.3</v>
      </c>
    </row>
    <row r="448" spans="1:1" x14ac:dyDescent="0.25">
      <c r="A448" s="2">
        <v>1531.88</v>
      </c>
    </row>
    <row r="449" spans="1:1" x14ac:dyDescent="0.25">
      <c r="A449" s="2">
        <v>1388.78</v>
      </c>
    </row>
    <row r="450" spans="1:1" x14ac:dyDescent="0.25">
      <c r="A450" s="2">
        <v>1332.07</v>
      </c>
    </row>
    <row r="451" spans="1:1" x14ac:dyDescent="0.25">
      <c r="A451" s="2">
        <v>1320.72</v>
      </c>
    </row>
    <row r="452" spans="1:1" x14ac:dyDescent="0.25">
      <c r="A452" s="2">
        <v>1340.49</v>
      </c>
    </row>
    <row r="453" spans="1:1" x14ac:dyDescent="0.25">
      <c r="A453" s="2">
        <v>1394.57</v>
      </c>
    </row>
    <row r="454" spans="1:1" x14ac:dyDescent="0.25">
      <c r="A454" s="2">
        <v>1501.91</v>
      </c>
    </row>
    <row r="455" spans="1:1" x14ac:dyDescent="0.25">
      <c r="A455" s="2">
        <v>1651.1</v>
      </c>
    </row>
    <row r="456" spans="1:1" x14ac:dyDescent="0.25">
      <c r="A456" s="2">
        <v>1751.87</v>
      </c>
    </row>
    <row r="457" spans="1:1" x14ac:dyDescent="0.25">
      <c r="A457" s="2">
        <v>1769.75</v>
      </c>
    </row>
    <row r="458" spans="1:1" x14ac:dyDescent="0.25">
      <c r="A458" s="2">
        <v>1733.21</v>
      </c>
    </row>
    <row r="459" spans="1:1" x14ac:dyDescent="0.25">
      <c r="A459" s="2">
        <v>1662.38</v>
      </c>
    </row>
    <row r="460" spans="1:1" x14ac:dyDescent="0.25">
      <c r="A460" s="2">
        <v>1602.68</v>
      </c>
    </row>
    <row r="461" spans="1:1" x14ac:dyDescent="0.25">
      <c r="A461" s="2">
        <v>1595.07</v>
      </c>
    </row>
    <row r="462" spans="1:1" x14ac:dyDescent="0.25">
      <c r="A462" s="2">
        <v>1625.92</v>
      </c>
    </row>
    <row r="463" spans="1:1" x14ac:dyDescent="0.25">
      <c r="A463" s="2">
        <v>1757.34</v>
      </c>
    </row>
    <row r="464" spans="1:1" x14ac:dyDescent="0.25">
      <c r="A464" s="2">
        <v>1806.78</v>
      </c>
    </row>
    <row r="465" spans="1:1" x14ac:dyDescent="0.25">
      <c r="A465" s="2">
        <v>1690.82</v>
      </c>
    </row>
    <row r="466" spans="1:1" x14ac:dyDescent="0.25">
      <c r="A466" s="2">
        <v>1642.73</v>
      </c>
    </row>
    <row r="467" spans="1:1" x14ac:dyDescent="0.25">
      <c r="A467" s="2">
        <v>1577.49</v>
      </c>
    </row>
    <row r="468" spans="1:1" x14ac:dyDescent="0.25">
      <c r="A468" s="2">
        <v>1610.91</v>
      </c>
    </row>
    <row r="469" spans="1:1" x14ac:dyDescent="0.25">
      <c r="A469" s="2">
        <v>1671.59</v>
      </c>
    </row>
    <row r="470" spans="1:1" x14ac:dyDescent="0.25">
      <c r="A470" s="2">
        <v>1802.46</v>
      </c>
    </row>
    <row r="471" spans="1:1" x14ac:dyDescent="0.25">
      <c r="A471" s="2">
        <v>1855.84</v>
      </c>
    </row>
    <row r="472" spans="1:1" x14ac:dyDescent="0.25">
      <c r="A472" s="2">
        <v>1516.79</v>
      </c>
    </row>
    <row r="473" spans="1:1" x14ac:dyDescent="0.25">
      <c r="A473" s="2">
        <v>1376.07</v>
      </c>
    </row>
    <row r="474" spans="1:1" x14ac:dyDescent="0.25">
      <c r="A474" s="2">
        <v>1284.54</v>
      </c>
    </row>
    <row r="475" spans="1:1" x14ac:dyDescent="0.25">
      <c r="A475" s="2">
        <v>1159.29</v>
      </c>
    </row>
    <row r="476" spans="1:1" x14ac:dyDescent="0.25">
      <c r="A476" s="2">
        <v>1080.8</v>
      </c>
    </row>
    <row r="477" spans="1:1" x14ac:dyDescent="0.25">
      <c r="A477" s="2">
        <v>1022.6</v>
      </c>
    </row>
    <row r="478" spans="1:1" x14ac:dyDescent="0.25">
      <c r="A478" s="2">
        <v>1006.28</v>
      </c>
    </row>
    <row r="479" spans="1:1" x14ac:dyDescent="0.25">
      <c r="A479" s="2">
        <v>1009.83</v>
      </c>
    </row>
    <row r="480" spans="1:1" x14ac:dyDescent="0.25">
      <c r="A480" s="2">
        <v>1041.08</v>
      </c>
    </row>
    <row r="481" spans="1:1" x14ac:dyDescent="0.25">
      <c r="A481" s="2" t="s">
        <v>11</v>
      </c>
    </row>
    <row r="482" spans="1:1" x14ac:dyDescent="0.25">
      <c r="A482" s="2">
        <v>1117.02</v>
      </c>
    </row>
    <row r="483" spans="1:1" x14ac:dyDescent="0.25">
      <c r="A483" s="2">
        <v>1153.44</v>
      </c>
    </row>
    <row r="484" spans="1:1" x14ac:dyDescent="0.25">
      <c r="A484" s="2">
        <v>1182.54</v>
      </c>
    </row>
    <row r="485" spans="1:1" x14ac:dyDescent="0.25">
      <c r="A485" s="2">
        <v>1222.19</v>
      </c>
    </row>
    <row r="486" spans="1:1" x14ac:dyDescent="0.25">
      <c r="A486" s="2">
        <v>1253.75</v>
      </c>
    </row>
    <row r="487" spans="1:1" x14ac:dyDescent="0.25">
      <c r="A487" s="2">
        <v>1299.6500000000001</v>
      </c>
    </row>
    <row r="488" spans="1:1" x14ac:dyDescent="0.25">
      <c r="A488" s="2">
        <v>1365.39</v>
      </c>
    </row>
    <row r="489" spans="1:1" x14ac:dyDescent="0.25">
      <c r="A489" s="2">
        <v>1381.46</v>
      </c>
    </row>
    <row r="490" spans="1:1" x14ac:dyDescent="0.25">
      <c r="A490" s="2">
        <v>1323.22</v>
      </c>
    </row>
    <row r="491" spans="1:1" x14ac:dyDescent="0.25">
      <c r="A491" s="2">
        <v>1312.19</v>
      </c>
    </row>
    <row r="492" spans="1:1" x14ac:dyDescent="0.25">
      <c r="A492" s="2">
        <v>1264.74</v>
      </c>
    </row>
    <row r="493" spans="1:1" x14ac:dyDescent="0.25">
      <c r="A493" s="2">
        <v>1155.0999999999999</v>
      </c>
    </row>
    <row r="494" spans="1:1" x14ac:dyDescent="0.25">
      <c r="A494" s="2">
        <v>1082.98</v>
      </c>
    </row>
    <row r="495" spans="1:1" x14ac:dyDescent="0.25">
      <c r="A495" s="2">
        <v>1017.09</v>
      </c>
    </row>
    <row r="496" spans="1:1" x14ac:dyDescent="0.25">
      <c r="A496" s="2">
        <v>964.57</v>
      </c>
    </row>
    <row r="497" spans="1:1" x14ac:dyDescent="0.25">
      <c r="A497" s="2">
        <v>888</v>
      </c>
    </row>
    <row r="498" spans="1:1" x14ac:dyDescent="0.25">
      <c r="A498" s="2">
        <v>834.51</v>
      </c>
    </row>
    <row r="499" spans="1:1" x14ac:dyDescent="0.25">
      <c r="A499" s="2">
        <v>792.22</v>
      </c>
    </row>
    <row r="500" spans="1:1" x14ac:dyDescent="0.25">
      <c r="A500" s="2">
        <v>774.71</v>
      </c>
    </row>
    <row r="501" spans="1:1" x14ac:dyDescent="0.25">
      <c r="A501" s="2">
        <v>771.81</v>
      </c>
    </row>
    <row r="502" spans="1:1" x14ac:dyDescent="0.25">
      <c r="A502" s="2">
        <v>785.1</v>
      </c>
    </row>
    <row r="503" spans="1:1" x14ac:dyDescent="0.25">
      <c r="A503" s="2">
        <v>808.21</v>
      </c>
    </row>
    <row r="504" spans="1:1" x14ac:dyDescent="0.25">
      <c r="A504" s="2">
        <v>849.96</v>
      </c>
    </row>
    <row r="505" spans="1:1" x14ac:dyDescent="0.25">
      <c r="A505" s="2">
        <v>904.82</v>
      </c>
    </row>
    <row r="506" spans="1:1" x14ac:dyDescent="0.25">
      <c r="A506" s="2">
        <v>970.38</v>
      </c>
    </row>
    <row r="507" spans="1:1" x14ac:dyDescent="0.25">
      <c r="A507" s="2">
        <v>1029.07</v>
      </c>
    </row>
    <row r="508" spans="1:1" x14ac:dyDescent="0.25">
      <c r="A508" s="2">
        <v>1085.19</v>
      </c>
    </row>
    <row r="509" spans="1:1" x14ac:dyDescent="0.25">
      <c r="A509" s="2">
        <v>1124.33</v>
      </c>
    </row>
    <row r="510" spans="1:1" x14ac:dyDescent="0.25">
      <c r="A510" s="2">
        <v>1153.83</v>
      </c>
    </row>
    <row r="511" spans="1:1" x14ac:dyDescent="0.25">
      <c r="A511" s="2">
        <v>1172.19</v>
      </c>
    </row>
    <row r="512" spans="1:1" x14ac:dyDescent="0.25">
      <c r="A512" s="2">
        <v>1183.76</v>
      </c>
    </row>
    <row r="513" spans="1:1" x14ac:dyDescent="0.25">
      <c r="A513" s="2">
        <v>1184.32</v>
      </c>
    </row>
    <row r="514" spans="1:1" x14ac:dyDescent="0.25">
      <c r="A514" s="2">
        <v>1180.1099999999999</v>
      </c>
    </row>
    <row r="515" spans="1:1" x14ac:dyDescent="0.25">
      <c r="A515" s="2">
        <v>1168.32</v>
      </c>
    </row>
    <row r="516" spans="1:1" x14ac:dyDescent="0.25">
      <c r="A516" s="2">
        <v>1134.45</v>
      </c>
    </row>
    <row r="517" spans="1:1" x14ac:dyDescent="0.25">
      <c r="A517" s="2">
        <v>1106.3399999999999</v>
      </c>
    </row>
    <row r="518" spans="1:1" x14ac:dyDescent="0.25">
      <c r="A518" s="2">
        <v>1096.74</v>
      </c>
    </row>
    <row r="519" spans="1:1" x14ac:dyDescent="0.25">
      <c r="A519" s="2">
        <v>1082.5999999999999</v>
      </c>
    </row>
    <row r="520" spans="1:1" x14ac:dyDescent="0.25">
      <c r="A520" s="2">
        <v>1071.25</v>
      </c>
    </row>
    <row r="521" spans="1:1" x14ac:dyDescent="0.25">
      <c r="A521" s="2">
        <v>1067.78</v>
      </c>
    </row>
    <row r="522" spans="1:1" x14ac:dyDescent="0.25">
      <c r="A522" s="2">
        <v>1052.26</v>
      </c>
    </row>
    <row r="523" spans="1:1" x14ac:dyDescent="0.25">
      <c r="A523" s="2">
        <v>1041.1300000000001</v>
      </c>
    </row>
    <row r="524" spans="1:1" x14ac:dyDescent="0.25">
      <c r="A524" s="2">
        <v>1012.93</v>
      </c>
    </row>
    <row r="525" spans="1:1" x14ac:dyDescent="0.25">
      <c r="A525" s="2">
        <v>970.5</v>
      </c>
    </row>
    <row r="526" spans="1:1" x14ac:dyDescent="0.25">
      <c r="A526" s="2">
        <v>928.69</v>
      </c>
    </row>
    <row r="527" spans="1:1" x14ac:dyDescent="0.25">
      <c r="A527" s="2">
        <v>879.69</v>
      </c>
    </row>
    <row r="528" spans="1:1" x14ac:dyDescent="0.25">
      <c r="A528" s="2">
        <v>843.77</v>
      </c>
    </row>
    <row r="529" spans="1:1" x14ac:dyDescent="0.25">
      <c r="A529" s="2">
        <v>811.41</v>
      </c>
    </row>
    <row r="530" spans="1:1" x14ac:dyDescent="0.25">
      <c r="A530" s="2">
        <v>786.14</v>
      </c>
    </row>
    <row r="531" spans="1:1" x14ac:dyDescent="0.25">
      <c r="A531" s="2">
        <v>759.87</v>
      </c>
    </row>
    <row r="532" spans="1:1" x14ac:dyDescent="0.25">
      <c r="A532" s="2">
        <v>740.53</v>
      </c>
    </row>
    <row r="533" spans="1:1" x14ac:dyDescent="0.25">
      <c r="A533" s="2">
        <v>724.03</v>
      </c>
    </row>
    <row r="534" spans="1:1" x14ac:dyDescent="0.25">
      <c r="A534" s="2">
        <v>706.4</v>
      </c>
    </row>
    <row r="535" spans="1:1" x14ac:dyDescent="0.25">
      <c r="A535" s="2">
        <v>684.64</v>
      </c>
    </row>
    <row r="536" spans="1:1" x14ac:dyDescent="0.25">
      <c r="A536" s="2">
        <v>654.76</v>
      </c>
    </row>
    <row r="537" spans="1:1" x14ac:dyDescent="0.25">
      <c r="A537" s="2">
        <v>618.48</v>
      </c>
    </row>
    <row r="538" spans="1:1" x14ac:dyDescent="0.25">
      <c r="A538" s="2">
        <v>580.41999999999996</v>
      </c>
    </row>
    <row r="539" spans="1:1" x14ac:dyDescent="0.25">
      <c r="A539" s="2">
        <v>550.97</v>
      </c>
    </row>
    <row r="540" spans="1:1" x14ac:dyDescent="0.25">
      <c r="A540" s="2">
        <v>529.66999999999996</v>
      </c>
    </row>
    <row r="541" spans="1:1" x14ac:dyDescent="0.25">
      <c r="A541" s="2" t="s">
        <v>12</v>
      </c>
    </row>
    <row r="542" spans="1:1" x14ac:dyDescent="0.25">
      <c r="A542" s="2">
        <v>503.66</v>
      </c>
    </row>
    <row r="543" spans="1:1" x14ac:dyDescent="0.25">
      <c r="A543" s="2">
        <v>498.46</v>
      </c>
    </row>
    <row r="544" spans="1:1" x14ac:dyDescent="0.25">
      <c r="A544" s="2">
        <v>498.88</v>
      </c>
    </row>
    <row r="545" spans="1:1" x14ac:dyDescent="0.25">
      <c r="A545" s="2">
        <v>507.12</v>
      </c>
    </row>
    <row r="546" spans="1:1" x14ac:dyDescent="0.25">
      <c r="A546" s="2">
        <v>519.87</v>
      </c>
    </row>
    <row r="547" spans="1:1" x14ac:dyDescent="0.25">
      <c r="A547" s="2">
        <v>531.5</v>
      </c>
    </row>
    <row r="548" spans="1:1" x14ac:dyDescent="0.25">
      <c r="A548" s="2">
        <v>539</v>
      </c>
    </row>
    <row r="549" spans="1:1" x14ac:dyDescent="0.25">
      <c r="A549" s="2">
        <v>561.22</v>
      </c>
    </row>
    <row r="550" spans="1:1" x14ac:dyDescent="0.25">
      <c r="A550" s="2">
        <v>575.76</v>
      </c>
    </row>
    <row r="551" spans="1:1" x14ac:dyDescent="0.25">
      <c r="A551" s="2">
        <v>586.08000000000004</v>
      </c>
    </row>
    <row r="552" spans="1:1" x14ac:dyDescent="0.25">
      <c r="A552" s="2">
        <v>592.92999999999995</v>
      </c>
    </row>
    <row r="553" spans="1:1" x14ac:dyDescent="0.25">
      <c r="A553" s="2">
        <v>602.55999999999995</v>
      </c>
    </row>
    <row r="554" spans="1:1" x14ac:dyDescent="0.25">
      <c r="A554" s="2">
        <v>606.45000000000005</v>
      </c>
    </row>
    <row r="555" spans="1:1" x14ac:dyDescent="0.25">
      <c r="A555" s="2">
        <v>594.71</v>
      </c>
    </row>
    <row r="556" spans="1:1" x14ac:dyDescent="0.25">
      <c r="A556" s="2">
        <v>604.88</v>
      </c>
    </row>
    <row r="557" spans="1:1" x14ac:dyDescent="0.25">
      <c r="A557" s="2">
        <v>627.22</v>
      </c>
    </row>
    <row r="558" spans="1:1" x14ac:dyDescent="0.25">
      <c r="A558" s="2">
        <v>628.97</v>
      </c>
    </row>
    <row r="559" spans="1:1" x14ac:dyDescent="0.25">
      <c r="A559" s="2">
        <v>617.14</v>
      </c>
    </row>
    <row r="560" spans="1:1" x14ac:dyDescent="0.25">
      <c r="A560" s="2">
        <v>599.74</v>
      </c>
    </row>
    <row r="561" spans="1:1" x14ac:dyDescent="0.25">
      <c r="A561" s="2">
        <v>583.79999999999995</v>
      </c>
    </row>
    <row r="562" spans="1:1" x14ac:dyDescent="0.25">
      <c r="A562" s="2">
        <v>585.39</v>
      </c>
    </row>
    <row r="563" spans="1:1" x14ac:dyDescent="0.25">
      <c r="A563" s="2">
        <v>585.04</v>
      </c>
    </row>
    <row r="564" spans="1:1" x14ac:dyDescent="0.25">
      <c r="A564" s="2">
        <v>575.82000000000005</v>
      </c>
    </row>
    <row r="565" spans="1:1" x14ac:dyDescent="0.25">
      <c r="A565" s="2">
        <v>563.82000000000005</v>
      </c>
    </row>
    <row r="566" spans="1:1" x14ac:dyDescent="0.25">
      <c r="A566" s="2">
        <v>535.22</v>
      </c>
    </row>
    <row r="567" spans="1:1" x14ac:dyDescent="0.25">
      <c r="A567" s="2">
        <v>524.79</v>
      </c>
    </row>
    <row r="568" spans="1:1" x14ac:dyDescent="0.25">
      <c r="A568" s="2">
        <v>526.54999999999995</v>
      </c>
    </row>
    <row r="569" spans="1:1" x14ac:dyDescent="0.25">
      <c r="A569" s="2">
        <v>520.97</v>
      </c>
    </row>
    <row r="570" spans="1:1" x14ac:dyDescent="0.25">
      <c r="A570" s="2">
        <v>521.78</v>
      </c>
    </row>
    <row r="571" spans="1:1" x14ac:dyDescent="0.25">
      <c r="A571" s="2">
        <v>504.97</v>
      </c>
    </row>
    <row r="572" spans="1:1" x14ac:dyDescent="0.25">
      <c r="A572" s="2">
        <v>485.88</v>
      </c>
    </row>
    <row r="573" spans="1:1" x14ac:dyDescent="0.25">
      <c r="A573" s="2">
        <v>467.78</v>
      </c>
    </row>
    <row r="574" spans="1:1" x14ac:dyDescent="0.25">
      <c r="A574" s="2">
        <v>455.21</v>
      </c>
    </row>
    <row r="575" spans="1:1" x14ac:dyDescent="0.25">
      <c r="A575" s="2">
        <v>452.7</v>
      </c>
    </row>
    <row r="576" spans="1:1" x14ac:dyDescent="0.25">
      <c r="A576" s="2">
        <v>461.4</v>
      </c>
    </row>
    <row r="577" spans="1:1" x14ac:dyDescent="0.25">
      <c r="A577" s="2">
        <v>473.2</v>
      </c>
    </row>
    <row r="578" spans="1:1" x14ac:dyDescent="0.25">
      <c r="A578" s="2">
        <v>481.27</v>
      </c>
    </row>
    <row r="579" spans="1:1" x14ac:dyDescent="0.25">
      <c r="A579" s="2">
        <v>490.2</v>
      </c>
    </row>
    <row r="580" spans="1:1" x14ac:dyDescent="0.25">
      <c r="A580" s="2">
        <v>489.65</v>
      </c>
    </row>
    <row r="581" spans="1:1" x14ac:dyDescent="0.25">
      <c r="A581" s="2">
        <v>507.78</v>
      </c>
    </row>
    <row r="582" spans="1:1" x14ac:dyDescent="0.25">
      <c r="A582" s="2">
        <v>532.12</v>
      </c>
    </row>
    <row r="583" spans="1:1" x14ac:dyDescent="0.25">
      <c r="A583" s="2">
        <v>570.01</v>
      </c>
    </row>
    <row r="584" spans="1:1" x14ac:dyDescent="0.25">
      <c r="A584" s="2">
        <v>630.39</v>
      </c>
    </row>
    <row r="585" spans="1:1" x14ac:dyDescent="0.25">
      <c r="A585" s="2">
        <v>671.26</v>
      </c>
    </row>
    <row r="586" spans="1:1" x14ac:dyDescent="0.25">
      <c r="A586" s="2">
        <v>675.2</v>
      </c>
    </row>
    <row r="587" spans="1:1" x14ac:dyDescent="0.25">
      <c r="A587" s="2">
        <v>660.46</v>
      </c>
    </row>
    <row r="588" spans="1:1" x14ac:dyDescent="0.25">
      <c r="A588" s="2">
        <v>655.94</v>
      </c>
    </row>
    <row r="589" spans="1:1" x14ac:dyDescent="0.25">
      <c r="A589" s="2">
        <v>670.24</v>
      </c>
    </row>
    <row r="590" spans="1:1" x14ac:dyDescent="0.25">
      <c r="A590" s="2">
        <v>668.43</v>
      </c>
    </row>
    <row r="591" spans="1:1" x14ac:dyDescent="0.25">
      <c r="A591" s="2">
        <v>668.89</v>
      </c>
    </row>
    <row r="592" spans="1:1" x14ac:dyDescent="0.25">
      <c r="A592" s="2">
        <v>688.7</v>
      </c>
    </row>
    <row r="593" spans="1:1" x14ac:dyDescent="0.25">
      <c r="A593" s="2">
        <v>725.76</v>
      </c>
    </row>
    <row r="594" spans="1:1" x14ac:dyDescent="0.25">
      <c r="A594" s="2">
        <v>787.16</v>
      </c>
    </row>
    <row r="595" spans="1:1" x14ac:dyDescent="0.25">
      <c r="A595" s="2">
        <v>877.19</v>
      </c>
    </row>
    <row r="596" spans="1:1" x14ac:dyDescent="0.25">
      <c r="A596" s="2">
        <v>981.46</v>
      </c>
    </row>
    <row r="597" spans="1:1" x14ac:dyDescent="0.25">
      <c r="A597" s="2">
        <v>1095.51</v>
      </c>
    </row>
    <row r="598" spans="1:1" x14ac:dyDescent="0.25">
      <c r="A598" s="2">
        <v>1099.4100000000001</v>
      </c>
    </row>
    <row r="599" spans="1:1" x14ac:dyDescent="0.25">
      <c r="A599" s="2">
        <v>996.22</v>
      </c>
    </row>
    <row r="600" spans="1:1" x14ac:dyDescent="0.25">
      <c r="A600" s="2">
        <v>941.52</v>
      </c>
    </row>
    <row r="601" spans="1:1" x14ac:dyDescent="0.25">
      <c r="A601" s="2" t="s">
        <v>13</v>
      </c>
    </row>
    <row r="602" spans="1:1" x14ac:dyDescent="0.25">
      <c r="A602" s="2">
        <v>994.21</v>
      </c>
    </row>
    <row r="603" spans="1:1" x14ac:dyDescent="0.25">
      <c r="A603" s="2">
        <v>1015.37</v>
      </c>
    </row>
    <row r="604" spans="1:1" x14ac:dyDescent="0.25">
      <c r="A604" s="2">
        <v>1053.23</v>
      </c>
    </row>
    <row r="605" spans="1:1" x14ac:dyDescent="0.25">
      <c r="A605" s="2">
        <v>1142.46</v>
      </c>
    </row>
    <row r="606" spans="1:1" x14ac:dyDescent="0.25">
      <c r="A606" s="2">
        <v>1258.5899999999999</v>
      </c>
    </row>
    <row r="607" spans="1:1" x14ac:dyDescent="0.25">
      <c r="A607" s="2">
        <v>1388.92</v>
      </c>
    </row>
    <row r="608" spans="1:1" x14ac:dyDescent="0.25">
      <c r="A608" s="2">
        <v>1486.1</v>
      </c>
    </row>
    <row r="609" spans="1:1" x14ac:dyDescent="0.25">
      <c r="A609" s="2">
        <v>1526.48</v>
      </c>
    </row>
    <row r="610" spans="1:1" x14ac:dyDescent="0.25">
      <c r="A610" s="2">
        <v>1576.79</v>
      </c>
    </row>
    <row r="611" spans="1:1" x14ac:dyDescent="0.25">
      <c r="A611" s="2">
        <v>1644.51</v>
      </c>
    </row>
    <row r="612" spans="1:1" x14ac:dyDescent="0.25">
      <c r="A612" s="2">
        <v>1694.46</v>
      </c>
    </row>
    <row r="613" spans="1:1" x14ac:dyDescent="0.25">
      <c r="A613" s="2">
        <v>1689.4</v>
      </c>
    </row>
    <row r="614" spans="1:1" x14ac:dyDescent="0.25">
      <c r="A614" s="2">
        <v>1593.26</v>
      </c>
    </row>
    <row r="615" spans="1:1" x14ac:dyDescent="0.25">
      <c r="A615" s="2">
        <v>1455.68</v>
      </c>
    </row>
    <row r="616" spans="1:1" x14ac:dyDescent="0.25">
      <c r="A616" s="2">
        <v>1361.66</v>
      </c>
    </row>
    <row r="617" spans="1:1" x14ac:dyDescent="0.25">
      <c r="A617" s="2">
        <v>1220.53</v>
      </c>
    </row>
    <row r="618" spans="1:1" x14ac:dyDescent="0.25">
      <c r="A618" s="2">
        <v>1052.99</v>
      </c>
    </row>
    <row r="619" spans="1:1" x14ac:dyDescent="0.25">
      <c r="A619" s="2">
        <v>982.48</v>
      </c>
    </row>
    <row r="620" spans="1:1" x14ac:dyDescent="0.25">
      <c r="A620" s="2">
        <v>978.15</v>
      </c>
    </row>
    <row r="621" spans="1:1" x14ac:dyDescent="0.25">
      <c r="A621" s="2">
        <v>995.45</v>
      </c>
    </row>
    <row r="622" spans="1:1" x14ac:dyDescent="0.25">
      <c r="A622" s="2">
        <v>1010.77</v>
      </c>
    </row>
    <row r="623" spans="1:1" x14ac:dyDescent="0.25">
      <c r="A623" s="2">
        <v>1022.98</v>
      </c>
    </row>
    <row r="624" spans="1:1" x14ac:dyDescent="0.25">
      <c r="A624" s="2">
        <v>1057.3800000000001</v>
      </c>
    </row>
    <row r="625" spans="1:1" x14ac:dyDescent="0.25">
      <c r="A625" s="2">
        <v>1215.31</v>
      </c>
    </row>
    <row r="626" spans="1:1" x14ac:dyDescent="0.25">
      <c r="A626" s="2">
        <v>1517.15</v>
      </c>
    </row>
    <row r="627" spans="1:1" x14ac:dyDescent="0.25">
      <c r="A627" s="2">
        <v>1827.58</v>
      </c>
    </row>
    <row r="628" spans="1:1" x14ac:dyDescent="0.25">
      <c r="A628" s="2">
        <v>1886.27</v>
      </c>
    </row>
    <row r="629" spans="1:1" x14ac:dyDescent="0.25">
      <c r="A629" s="2">
        <v>1832.37</v>
      </c>
    </row>
    <row r="630" spans="1:1" x14ac:dyDescent="0.25">
      <c r="A630" s="2">
        <v>1890.96</v>
      </c>
    </row>
    <row r="631" spans="1:1" x14ac:dyDescent="0.25">
      <c r="A631" s="2">
        <v>1904.92</v>
      </c>
    </row>
    <row r="632" spans="1:1" x14ac:dyDescent="0.25">
      <c r="A632" s="2">
        <v>1907.15</v>
      </c>
    </row>
    <row r="633" spans="1:1" x14ac:dyDescent="0.25">
      <c r="A633" s="2">
        <v>1897.78</v>
      </c>
    </row>
    <row r="634" spans="1:1" x14ac:dyDescent="0.25">
      <c r="A634" s="2">
        <v>1881.68</v>
      </c>
    </row>
    <row r="635" spans="1:1" x14ac:dyDescent="0.25">
      <c r="A635" s="2">
        <v>1863.23</v>
      </c>
    </row>
    <row r="636" spans="1:1" x14ac:dyDescent="0.25">
      <c r="A636" s="2">
        <v>1844.46</v>
      </c>
    </row>
    <row r="637" spans="1:1" x14ac:dyDescent="0.25">
      <c r="A637" s="2">
        <v>1823.49</v>
      </c>
    </row>
    <row r="638" spans="1:1" x14ac:dyDescent="0.25">
      <c r="A638" s="2">
        <v>1803.53</v>
      </c>
    </row>
    <row r="639" spans="1:1" x14ac:dyDescent="0.25">
      <c r="A639" s="2">
        <v>1785.73</v>
      </c>
    </row>
    <row r="640" spans="1:1" x14ac:dyDescent="0.25">
      <c r="A640" s="2">
        <v>1777.86</v>
      </c>
    </row>
    <row r="641" spans="1:1" x14ac:dyDescent="0.25">
      <c r="A641" s="2">
        <v>1780.48</v>
      </c>
    </row>
    <row r="642" spans="1:1" x14ac:dyDescent="0.25">
      <c r="A642" s="2">
        <v>1800.21</v>
      </c>
    </row>
    <row r="643" spans="1:1" x14ac:dyDescent="0.25">
      <c r="A643" s="2">
        <v>1826.41</v>
      </c>
    </row>
    <row r="644" spans="1:1" x14ac:dyDescent="0.25">
      <c r="A644" s="2">
        <v>1812.39</v>
      </c>
    </row>
    <row r="645" spans="1:1" x14ac:dyDescent="0.25">
      <c r="A645" s="2">
        <v>1822.4</v>
      </c>
    </row>
    <row r="646" spans="1:1" x14ac:dyDescent="0.25">
      <c r="A646" s="2">
        <v>1687.02</v>
      </c>
    </row>
    <row r="647" spans="1:1" x14ac:dyDescent="0.25">
      <c r="A647" s="2">
        <v>1380.35</v>
      </c>
    </row>
    <row r="648" spans="1:1" x14ac:dyDescent="0.25">
      <c r="A648" s="2">
        <v>1182.68</v>
      </c>
    </row>
    <row r="649" spans="1:1" x14ac:dyDescent="0.25">
      <c r="A649" s="2">
        <v>967.3</v>
      </c>
    </row>
    <row r="650" spans="1:1" x14ac:dyDescent="0.25">
      <c r="A650" s="2">
        <v>838.05</v>
      </c>
    </row>
    <row r="651" spans="1:1" x14ac:dyDescent="0.25">
      <c r="A651" s="2">
        <v>812.13</v>
      </c>
    </row>
    <row r="652" spans="1:1" x14ac:dyDescent="0.25">
      <c r="A652" s="2">
        <v>833.23</v>
      </c>
    </row>
    <row r="653" spans="1:1" x14ac:dyDescent="0.25">
      <c r="A653" s="2">
        <v>862.28</v>
      </c>
    </row>
    <row r="654" spans="1:1" x14ac:dyDescent="0.25">
      <c r="A654" s="2">
        <v>849.71</v>
      </c>
    </row>
    <row r="655" spans="1:1" x14ac:dyDescent="0.25">
      <c r="A655" s="2">
        <v>873.48</v>
      </c>
    </row>
    <row r="656" spans="1:1" x14ac:dyDescent="0.25">
      <c r="A656" s="2">
        <v>866.7</v>
      </c>
    </row>
    <row r="657" spans="1:1" x14ac:dyDescent="0.25">
      <c r="A657" s="2">
        <v>925.72</v>
      </c>
    </row>
    <row r="658" spans="1:1" x14ac:dyDescent="0.25">
      <c r="A658" s="2">
        <v>785.57</v>
      </c>
    </row>
    <row r="659" spans="1:1" x14ac:dyDescent="0.25">
      <c r="A659" s="2">
        <v>720.44</v>
      </c>
    </row>
    <row r="660" spans="1:1" x14ac:dyDescent="0.25">
      <c r="A660" s="2">
        <v>646.39</v>
      </c>
    </row>
    <row r="661" spans="1:1" x14ac:dyDescent="0.25">
      <c r="A661" s="2" t="s">
        <v>14</v>
      </c>
    </row>
    <row r="662" spans="1:1" x14ac:dyDescent="0.25">
      <c r="A662" s="2">
        <v>942.38</v>
      </c>
    </row>
    <row r="663" spans="1:1" x14ac:dyDescent="0.25">
      <c r="A663" s="2">
        <v>1184.58</v>
      </c>
    </row>
    <row r="664" spans="1:1" x14ac:dyDescent="0.25">
      <c r="A664" s="2">
        <v>1416.49</v>
      </c>
    </row>
    <row r="665" spans="1:1" x14ac:dyDescent="0.25">
      <c r="A665" s="2">
        <v>1448.69</v>
      </c>
    </row>
    <row r="666" spans="1:1" x14ac:dyDescent="0.25">
      <c r="A666" s="2">
        <v>1324.76</v>
      </c>
    </row>
    <row r="667" spans="1:1" x14ac:dyDescent="0.25">
      <c r="A667" s="2">
        <v>1432.52</v>
      </c>
    </row>
    <row r="668" spans="1:1" x14ac:dyDescent="0.25">
      <c r="A668" s="2">
        <v>1245.47</v>
      </c>
    </row>
    <row r="669" spans="1:1" x14ac:dyDescent="0.25">
      <c r="A669" s="2">
        <v>1067.3599999999999</v>
      </c>
    </row>
    <row r="670" spans="1:1" x14ac:dyDescent="0.25">
      <c r="A670" s="2">
        <v>1093.9100000000001</v>
      </c>
    </row>
    <row r="671" spans="1:1" x14ac:dyDescent="0.25">
      <c r="A671" s="2">
        <v>659.9</v>
      </c>
    </row>
    <row r="672" spans="1:1" x14ac:dyDescent="0.25">
      <c r="A672" s="2">
        <v>611.36</v>
      </c>
    </row>
    <row r="673" spans="1:1" x14ac:dyDescent="0.25">
      <c r="A673" s="2">
        <v>611.41</v>
      </c>
    </row>
    <row r="674" spans="1:1" x14ac:dyDescent="0.25">
      <c r="A674" s="2">
        <v>643.59</v>
      </c>
    </row>
    <row r="675" spans="1:1" x14ac:dyDescent="0.25">
      <c r="A675" s="2">
        <v>831.35</v>
      </c>
    </row>
    <row r="676" spans="1:1" x14ac:dyDescent="0.25">
      <c r="A676" s="2">
        <v>920.74</v>
      </c>
    </row>
    <row r="677" spans="1:1" x14ac:dyDescent="0.25">
      <c r="A677" s="2">
        <v>708</v>
      </c>
    </row>
    <row r="678" spans="1:1" x14ac:dyDescent="0.25">
      <c r="A678" s="2">
        <v>567.71</v>
      </c>
    </row>
    <row r="679" spans="1:1" x14ac:dyDescent="0.25">
      <c r="A679" s="2">
        <v>581.07000000000005</v>
      </c>
    </row>
    <row r="680" spans="1:1" x14ac:dyDescent="0.25">
      <c r="A680" s="2">
        <v>569.98</v>
      </c>
    </row>
    <row r="681" spans="1:1" x14ac:dyDescent="0.25">
      <c r="A681" s="2">
        <v>565.83000000000004</v>
      </c>
    </row>
    <row r="682" spans="1:1" x14ac:dyDescent="0.25">
      <c r="A682" s="2">
        <v>552.09</v>
      </c>
    </row>
    <row r="683" spans="1:1" x14ac:dyDescent="0.25">
      <c r="A683" s="2">
        <v>600.37</v>
      </c>
    </row>
    <row r="684" spans="1:1" x14ac:dyDescent="0.25">
      <c r="A684" s="2">
        <v>596.19000000000005</v>
      </c>
    </row>
    <row r="685" spans="1:1" x14ac:dyDescent="0.25">
      <c r="A685" s="2">
        <v>538.91999999999996</v>
      </c>
    </row>
    <row r="686" spans="1:1" x14ac:dyDescent="0.25">
      <c r="A686" s="2">
        <v>543.72</v>
      </c>
    </row>
    <row r="687" spans="1:1" x14ac:dyDescent="0.25">
      <c r="A687" s="2">
        <v>661.13</v>
      </c>
    </row>
    <row r="688" spans="1:1" x14ac:dyDescent="0.25">
      <c r="A688" s="2">
        <v>655.74</v>
      </c>
    </row>
    <row r="689" spans="1:1" x14ac:dyDescent="0.25">
      <c r="A689" s="2">
        <v>674.44</v>
      </c>
    </row>
    <row r="690" spans="1:1" x14ac:dyDescent="0.25">
      <c r="A690" s="2">
        <v>735.65</v>
      </c>
    </row>
    <row r="691" spans="1:1" x14ac:dyDescent="0.25">
      <c r="A691" s="2">
        <v>747.84</v>
      </c>
    </row>
    <row r="692" spans="1:1" x14ac:dyDescent="0.25">
      <c r="A692" s="2">
        <v>704.29</v>
      </c>
    </row>
    <row r="693" spans="1:1" x14ac:dyDescent="0.25">
      <c r="A693" s="2">
        <v>577.42999999999995</v>
      </c>
    </row>
    <row r="694" spans="1:1" x14ac:dyDescent="0.25">
      <c r="A694" s="2">
        <v>516.79</v>
      </c>
    </row>
    <row r="695" spans="1:1" x14ac:dyDescent="0.25">
      <c r="A695" s="2">
        <v>460.2</v>
      </c>
    </row>
    <row r="696" spans="1:1" x14ac:dyDescent="0.25">
      <c r="A696" s="2">
        <v>422.91</v>
      </c>
    </row>
    <row r="697" spans="1:1" x14ac:dyDescent="0.25">
      <c r="A697" s="2">
        <v>398.07</v>
      </c>
    </row>
    <row r="698" spans="1:1" x14ac:dyDescent="0.25">
      <c r="A698" s="2">
        <v>467.19</v>
      </c>
    </row>
    <row r="699" spans="1:1" x14ac:dyDescent="0.25">
      <c r="A699" s="2">
        <v>426.07</v>
      </c>
    </row>
    <row r="700" spans="1:1" x14ac:dyDescent="0.25">
      <c r="A700" s="2">
        <v>446.03</v>
      </c>
    </row>
    <row r="701" spans="1:1" x14ac:dyDescent="0.25">
      <c r="A701" s="2">
        <v>655.69</v>
      </c>
    </row>
    <row r="702" spans="1:1" x14ac:dyDescent="0.25">
      <c r="A702" s="2">
        <v>826.16</v>
      </c>
    </row>
    <row r="703" spans="1:1" x14ac:dyDescent="0.25">
      <c r="A703" s="2">
        <v>656.25</v>
      </c>
    </row>
    <row r="704" spans="1:1" x14ac:dyDescent="0.25">
      <c r="A704" s="2">
        <v>760.21</v>
      </c>
    </row>
    <row r="705" spans="1:1" x14ac:dyDescent="0.25">
      <c r="A705" s="2">
        <v>443.82</v>
      </c>
    </row>
    <row r="706" spans="1:1" x14ac:dyDescent="0.25">
      <c r="A706" s="2">
        <v>340.72</v>
      </c>
    </row>
    <row r="707" spans="1:1" x14ac:dyDescent="0.25">
      <c r="A707" s="2">
        <v>327.91</v>
      </c>
    </row>
    <row r="708" spans="1:1" x14ac:dyDescent="0.25">
      <c r="A708" s="2">
        <v>316.81</v>
      </c>
    </row>
    <row r="709" spans="1:1" x14ac:dyDescent="0.25">
      <c r="A709" s="2">
        <v>315.77</v>
      </c>
    </row>
    <row r="710" spans="1:1" x14ac:dyDescent="0.25">
      <c r="A710" s="2">
        <v>344.1</v>
      </c>
    </row>
    <row r="711" spans="1:1" x14ac:dyDescent="0.25">
      <c r="A711" s="2">
        <v>355.25</v>
      </c>
    </row>
    <row r="712" spans="1:1" x14ac:dyDescent="0.25">
      <c r="A712" s="2">
        <v>328.36</v>
      </c>
    </row>
    <row r="713" spans="1:1" x14ac:dyDescent="0.25">
      <c r="A713" s="2">
        <v>327.17</v>
      </c>
    </row>
    <row r="714" spans="1:1" x14ac:dyDescent="0.25">
      <c r="A714" s="2">
        <v>348.56</v>
      </c>
    </row>
    <row r="715" spans="1:1" x14ac:dyDescent="0.25">
      <c r="A715" s="2">
        <v>338.51</v>
      </c>
    </row>
    <row r="716" spans="1:1" x14ac:dyDescent="0.25">
      <c r="A716" s="2">
        <v>314.93</v>
      </c>
    </row>
    <row r="717" spans="1:1" x14ac:dyDescent="0.25">
      <c r="A717" s="2">
        <v>306.88</v>
      </c>
    </row>
    <row r="718" spans="1:1" x14ac:dyDescent="0.25">
      <c r="A718" s="2">
        <v>305.75</v>
      </c>
    </row>
    <row r="719" spans="1:1" x14ac:dyDescent="0.25">
      <c r="A719" s="2">
        <v>313.33999999999997</v>
      </c>
    </row>
    <row r="720" spans="1:1" x14ac:dyDescent="0.25">
      <c r="A720" s="2">
        <v>323.12</v>
      </c>
    </row>
    <row r="721" spans="1:1" x14ac:dyDescent="0.25">
      <c r="A721" s="2" t="s">
        <v>15</v>
      </c>
    </row>
    <row r="722" spans="1:1" x14ac:dyDescent="0.25">
      <c r="A722" s="2">
        <v>341.77</v>
      </c>
    </row>
    <row r="723" spans="1:1" x14ac:dyDescent="0.25">
      <c r="A723" s="2">
        <v>335.05</v>
      </c>
    </row>
    <row r="724" spans="1:1" x14ac:dyDescent="0.25">
      <c r="A724" s="2">
        <v>316.22000000000003</v>
      </c>
    </row>
    <row r="725" spans="1:1" x14ac:dyDescent="0.25">
      <c r="A725" s="2">
        <v>291.62</v>
      </c>
    </row>
    <row r="726" spans="1:1" x14ac:dyDescent="0.25">
      <c r="A726" s="2">
        <v>272.76</v>
      </c>
    </row>
    <row r="727" spans="1:1" x14ac:dyDescent="0.25">
      <c r="A727" s="2">
        <v>247.94</v>
      </c>
    </row>
    <row r="728" spans="1:1" x14ac:dyDescent="0.25">
      <c r="A728" s="2">
        <v>217.72</v>
      </c>
    </row>
    <row r="729" spans="1:1" x14ac:dyDescent="0.25">
      <c r="A729" s="2">
        <v>190.04</v>
      </c>
    </row>
    <row r="730" spans="1:1" x14ac:dyDescent="0.25">
      <c r="A730" s="2">
        <v>172.42</v>
      </c>
    </row>
    <row r="731" spans="1:1" x14ac:dyDescent="0.25">
      <c r="A731" s="2">
        <v>157.61000000000001</v>
      </c>
    </row>
    <row r="732" spans="1:1" x14ac:dyDescent="0.25">
      <c r="A732" s="2">
        <v>144.65</v>
      </c>
    </row>
    <row r="733" spans="1:1" x14ac:dyDescent="0.25">
      <c r="A733" s="2">
        <v>136.76</v>
      </c>
    </row>
    <row r="734" spans="1:1" x14ac:dyDescent="0.25">
      <c r="A734" s="2">
        <v>133.79</v>
      </c>
    </row>
    <row r="735" spans="1:1" x14ac:dyDescent="0.25">
      <c r="A735" s="2">
        <v>131.15</v>
      </c>
    </row>
    <row r="736" spans="1:1" x14ac:dyDescent="0.25">
      <c r="A736" s="2">
        <v>127.89</v>
      </c>
    </row>
    <row r="737" spans="1:1" x14ac:dyDescent="0.25">
      <c r="A737" s="2">
        <v>124.62</v>
      </c>
    </row>
    <row r="738" spans="1:1" x14ac:dyDescent="0.25">
      <c r="A738" s="2">
        <v>120.63</v>
      </c>
    </row>
    <row r="739" spans="1:1" x14ac:dyDescent="0.25">
      <c r="A739" s="2">
        <v>114.94</v>
      </c>
    </row>
    <row r="740" spans="1:1" x14ac:dyDescent="0.25">
      <c r="A740" s="2">
        <v>110.5</v>
      </c>
    </row>
    <row r="741" spans="1:1" x14ac:dyDescent="0.25">
      <c r="A741" s="2">
        <v>105.45</v>
      </c>
    </row>
    <row r="742" spans="1:1" x14ac:dyDescent="0.25">
      <c r="A742" s="2">
        <v>98.21</v>
      </c>
    </row>
    <row r="743" spans="1:1" x14ac:dyDescent="0.25">
      <c r="A743" s="2">
        <v>88.29</v>
      </c>
    </row>
    <row r="744" spans="1:1" x14ac:dyDescent="0.25">
      <c r="A744" s="2">
        <v>75.81</v>
      </c>
    </row>
    <row r="745" spans="1:1" x14ac:dyDescent="0.25">
      <c r="A745" s="2">
        <v>62.39</v>
      </c>
    </row>
    <row r="746" spans="1:1" x14ac:dyDescent="0.25">
      <c r="A746" s="2">
        <v>51.23</v>
      </c>
    </row>
    <row r="747" spans="1:1" x14ac:dyDescent="0.25">
      <c r="A747" s="2">
        <v>44.64</v>
      </c>
    </row>
    <row r="748" spans="1:1" x14ac:dyDescent="0.25">
      <c r="A748" s="2">
        <v>36.369999999999997</v>
      </c>
    </row>
    <row r="749" spans="1:1" x14ac:dyDescent="0.25">
      <c r="A749" s="2">
        <v>27.02</v>
      </c>
    </row>
    <row r="750" spans="1:1" x14ac:dyDescent="0.25">
      <c r="A750" s="2">
        <v>23.03</v>
      </c>
    </row>
    <row r="751" spans="1:1" x14ac:dyDescent="0.25">
      <c r="A751" s="2">
        <v>16.29</v>
      </c>
    </row>
    <row r="752" spans="1:1" x14ac:dyDescent="0.25">
      <c r="A752" s="2">
        <v>12.81</v>
      </c>
    </row>
    <row r="753" spans="1:1" x14ac:dyDescent="0.25">
      <c r="A753" s="2">
        <v>12.48</v>
      </c>
    </row>
    <row r="754" spans="1:1" x14ac:dyDescent="0.25">
      <c r="A754" s="2">
        <v>8.85</v>
      </c>
    </row>
    <row r="755" spans="1:1" x14ac:dyDescent="0.25">
      <c r="A755" s="2">
        <v>8.42</v>
      </c>
    </row>
    <row r="756" spans="1:1" x14ac:dyDescent="0.25">
      <c r="A756" s="2">
        <v>9.14</v>
      </c>
    </row>
    <row r="757" spans="1:1" x14ac:dyDescent="0.25">
      <c r="A757" s="2">
        <v>5.17</v>
      </c>
    </row>
    <row r="758" spans="1:1" x14ac:dyDescent="0.25">
      <c r="A758" s="2">
        <v>5.97</v>
      </c>
    </row>
    <row r="759" spans="1:1" x14ac:dyDescent="0.25">
      <c r="A759" s="2">
        <v>3.35</v>
      </c>
    </row>
    <row r="760" spans="1:1" x14ac:dyDescent="0.25">
      <c r="A760" s="2">
        <v>2.9</v>
      </c>
    </row>
    <row r="761" spans="1:1" x14ac:dyDescent="0.25">
      <c r="A761" s="2">
        <v>2.3199999999999998</v>
      </c>
    </row>
    <row r="762" spans="1:1" x14ac:dyDescent="0.25">
      <c r="A762" s="2">
        <v>1.69</v>
      </c>
    </row>
    <row r="763" spans="1:1" x14ac:dyDescent="0.25">
      <c r="A763" s="2">
        <v>1.18</v>
      </c>
    </row>
    <row r="764" spans="1:1" x14ac:dyDescent="0.25">
      <c r="A764" s="2">
        <v>2.17</v>
      </c>
    </row>
    <row r="765" spans="1:1" x14ac:dyDescent="0.25">
      <c r="A765" s="2">
        <v>0.85</v>
      </c>
    </row>
    <row r="766" spans="1:1" x14ac:dyDescent="0.25">
      <c r="A766" s="2">
        <v>0.89</v>
      </c>
    </row>
    <row r="767" spans="1:1" x14ac:dyDescent="0.25">
      <c r="A767" s="2">
        <v>0.73</v>
      </c>
    </row>
    <row r="768" spans="1:1" x14ac:dyDescent="0.25">
      <c r="A768" s="2">
        <v>0.52</v>
      </c>
    </row>
    <row r="769" spans="1:1" x14ac:dyDescent="0.25">
      <c r="A769" s="2">
        <v>0.44</v>
      </c>
    </row>
    <row r="770" spans="1:1" x14ac:dyDescent="0.25">
      <c r="A770" s="2">
        <v>0.46</v>
      </c>
    </row>
    <row r="771" spans="1:1" x14ac:dyDescent="0.25">
      <c r="A771" s="2">
        <v>0.42</v>
      </c>
    </row>
    <row r="772" spans="1:1" x14ac:dyDescent="0.25">
      <c r="A772" s="2">
        <v>0.28999999999999998</v>
      </c>
    </row>
    <row r="773" spans="1:1" x14ac:dyDescent="0.25">
      <c r="A773" s="2">
        <v>0.23</v>
      </c>
    </row>
    <row r="774" spans="1:1" x14ac:dyDescent="0.25">
      <c r="A774" s="2">
        <v>0.23</v>
      </c>
    </row>
    <row r="775" spans="1:1" x14ac:dyDescent="0.25">
      <c r="A775" s="2">
        <v>0.23</v>
      </c>
    </row>
    <row r="776" spans="1:1" x14ac:dyDescent="0.25">
      <c r="A776" s="2">
        <v>0.2</v>
      </c>
    </row>
    <row r="777" spans="1:1" x14ac:dyDescent="0.25">
      <c r="A777" s="2">
        <v>0.18</v>
      </c>
    </row>
    <row r="778" spans="1:1" x14ac:dyDescent="0.25">
      <c r="A778" s="2">
        <v>0.14000000000000001</v>
      </c>
    </row>
    <row r="779" spans="1:1" x14ac:dyDescent="0.25">
      <c r="A779" s="2">
        <v>0.15</v>
      </c>
    </row>
    <row r="780" spans="1:1" x14ac:dyDescent="0.25">
      <c r="A780" s="2">
        <v>0.13</v>
      </c>
    </row>
    <row r="781" spans="1:1" x14ac:dyDescent="0.25">
      <c r="A781" s="2" t="s">
        <v>16</v>
      </c>
    </row>
    <row r="782" spans="1:1" x14ac:dyDescent="0.25">
      <c r="A782" s="2">
        <v>0.15</v>
      </c>
    </row>
    <row r="783" spans="1:1" x14ac:dyDescent="0.25">
      <c r="A783" s="2">
        <v>0.13</v>
      </c>
    </row>
    <row r="784" spans="1:1" x14ac:dyDescent="0.25">
      <c r="A784" s="2">
        <v>0.14000000000000001</v>
      </c>
    </row>
    <row r="785" spans="1:1" x14ac:dyDescent="0.25">
      <c r="A785" s="2">
        <v>0.13</v>
      </c>
    </row>
    <row r="786" spans="1:1" x14ac:dyDescent="0.25">
      <c r="A786" s="2">
        <v>0.13</v>
      </c>
    </row>
    <row r="787" spans="1:1" x14ac:dyDescent="0.25">
      <c r="A787" s="2">
        <v>0.14000000000000001</v>
      </c>
    </row>
    <row r="788" spans="1:1" x14ac:dyDescent="0.25">
      <c r="A788" s="2">
        <v>0.16</v>
      </c>
    </row>
    <row r="789" spans="1:1" x14ac:dyDescent="0.25">
      <c r="A789" s="2">
        <v>0.14000000000000001</v>
      </c>
    </row>
    <row r="790" spans="1:1" x14ac:dyDescent="0.25">
      <c r="A790" s="2">
        <v>0.14000000000000001</v>
      </c>
    </row>
    <row r="791" spans="1:1" x14ac:dyDescent="0.25">
      <c r="A791" s="2">
        <v>0.14000000000000001</v>
      </c>
    </row>
    <row r="792" spans="1:1" x14ac:dyDescent="0.25">
      <c r="A792" s="2">
        <v>0.14000000000000001</v>
      </c>
    </row>
    <row r="793" spans="1:1" x14ac:dyDescent="0.25">
      <c r="A793" s="2">
        <v>0.15</v>
      </c>
    </row>
    <row r="794" spans="1:1" x14ac:dyDescent="0.25">
      <c r="A794" s="2">
        <v>0.15</v>
      </c>
    </row>
    <row r="795" spans="1:1" x14ac:dyDescent="0.25">
      <c r="A795" s="2">
        <v>0.17</v>
      </c>
    </row>
    <row r="796" spans="1:1" x14ac:dyDescent="0.25">
      <c r="A796" s="2">
        <v>0.15</v>
      </c>
    </row>
    <row r="797" spans="1:1" x14ac:dyDescent="0.25">
      <c r="A797" s="2">
        <v>0.14000000000000001</v>
      </c>
    </row>
    <row r="798" spans="1:1" x14ac:dyDescent="0.25">
      <c r="A798" s="2">
        <v>0.14000000000000001</v>
      </c>
    </row>
    <row r="799" spans="1:1" x14ac:dyDescent="0.25">
      <c r="A799" s="2">
        <v>0.13</v>
      </c>
    </row>
    <row r="800" spans="1:1" x14ac:dyDescent="0.25">
      <c r="A800" s="2">
        <v>0.11</v>
      </c>
    </row>
    <row r="801" spans="1:1" x14ac:dyDescent="0.25">
      <c r="A801" s="2">
        <v>0.11</v>
      </c>
    </row>
    <row r="802" spans="1:1" x14ac:dyDescent="0.25">
      <c r="A802" s="2">
        <v>0.14000000000000001</v>
      </c>
    </row>
    <row r="803" spans="1:1" x14ac:dyDescent="0.25">
      <c r="A803" s="2">
        <v>0.13</v>
      </c>
    </row>
    <row r="804" spans="1:1" x14ac:dyDescent="0.25">
      <c r="A804" s="2">
        <v>0.12</v>
      </c>
    </row>
    <row r="805" spans="1:1" x14ac:dyDescent="0.25">
      <c r="A805" s="2">
        <v>0.11</v>
      </c>
    </row>
    <row r="806" spans="1:1" x14ac:dyDescent="0.25">
      <c r="A806" s="2">
        <v>0.11</v>
      </c>
    </row>
    <row r="807" spans="1:1" x14ac:dyDescent="0.25">
      <c r="A807" s="2">
        <v>0.12</v>
      </c>
    </row>
    <row r="808" spans="1:1" x14ac:dyDescent="0.25">
      <c r="A808" s="2">
        <v>0.13</v>
      </c>
    </row>
    <row r="809" spans="1:1" x14ac:dyDescent="0.25">
      <c r="A809" s="2">
        <v>0.1</v>
      </c>
    </row>
    <row r="810" spans="1:1" x14ac:dyDescent="0.25">
      <c r="A810" s="2">
        <v>0.12</v>
      </c>
    </row>
    <row r="811" spans="1:1" x14ac:dyDescent="0.25">
      <c r="A811" s="2">
        <v>0.11</v>
      </c>
    </row>
    <row r="812" spans="1:1" x14ac:dyDescent="0.25">
      <c r="A812" s="2">
        <v>0.12</v>
      </c>
    </row>
    <row r="813" spans="1:1" x14ac:dyDescent="0.25">
      <c r="A813" s="2">
        <v>0.11</v>
      </c>
    </row>
    <row r="814" spans="1:1" x14ac:dyDescent="0.25">
      <c r="A814" s="2">
        <v>0.12</v>
      </c>
    </row>
    <row r="815" spans="1:1" x14ac:dyDescent="0.25">
      <c r="A815" s="2">
        <v>0.13</v>
      </c>
    </row>
    <row r="816" spans="1:1" x14ac:dyDescent="0.25">
      <c r="A816" s="2">
        <v>0.11</v>
      </c>
    </row>
    <row r="817" spans="1:1" x14ac:dyDescent="0.25">
      <c r="A817" s="2">
        <v>0.11</v>
      </c>
    </row>
    <row r="818" spans="1:1" x14ac:dyDescent="0.25">
      <c r="A818" s="2">
        <v>0.13</v>
      </c>
    </row>
    <row r="819" spans="1:1" x14ac:dyDescent="0.25">
      <c r="A819" s="2">
        <v>0.12</v>
      </c>
    </row>
    <row r="820" spans="1:1" x14ac:dyDescent="0.25">
      <c r="A820" s="2">
        <v>0.11</v>
      </c>
    </row>
    <row r="821" spans="1:1" x14ac:dyDescent="0.25">
      <c r="A821" s="2">
        <v>0.12</v>
      </c>
    </row>
    <row r="822" spans="1:1" x14ac:dyDescent="0.25">
      <c r="A822" s="2">
        <v>0.13</v>
      </c>
    </row>
    <row r="823" spans="1:1" x14ac:dyDescent="0.25">
      <c r="A823" s="2">
        <v>0.11</v>
      </c>
    </row>
    <row r="824" spans="1:1" x14ac:dyDescent="0.25">
      <c r="A824" s="2">
        <v>0.13</v>
      </c>
    </row>
    <row r="825" spans="1:1" x14ac:dyDescent="0.25">
      <c r="A825" s="2">
        <v>0.1</v>
      </c>
    </row>
    <row r="826" spans="1:1" x14ac:dyDescent="0.25">
      <c r="A826" s="2">
        <v>0.11</v>
      </c>
    </row>
    <row r="827" spans="1:1" x14ac:dyDescent="0.25">
      <c r="A827" s="2">
        <v>0.1</v>
      </c>
    </row>
    <row r="828" spans="1:1" x14ac:dyDescent="0.25">
      <c r="A828" s="2">
        <v>0.12</v>
      </c>
    </row>
    <row r="829" spans="1:1" x14ac:dyDescent="0.25">
      <c r="A829" s="2">
        <v>0.13</v>
      </c>
    </row>
    <row r="830" spans="1:1" x14ac:dyDescent="0.25">
      <c r="A830" s="2">
        <v>0.12</v>
      </c>
    </row>
    <row r="831" spans="1:1" x14ac:dyDescent="0.25">
      <c r="A831" s="2">
        <v>0.12</v>
      </c>
    </row>
    <row r="832" spans="1:1" x14ac:dyDescent="0.25">
      <c r="A832" s="2">
        <v>0.13</v>
      </c>
    </row>
    <row r="833" spans="1:1" x14ac:dyDescent="0.25">
      <c r="A833" s="2">
        <v>0.13</v>
      </c>
    </row>
    <row r="834" spans="1:1" x14ac:dyDescent="0.25">
      <c r="A834" s="2">
        <v>0.11</v>
      </c>
    </row>
    <row r="835" spans="1:1" x14ac:dyDescent="0.25">
      <c r="A835" s="2">
        <v>0.13</v>
      </c>
    </row>
    <row r="836" spans="1:1" x14ac:dyDescent="0.25">
      <c r="A836" s="2">
        <v>0.1</v>
      </c>
    </row>
    <row r="837" spans="1:1" x14ac:dyDescent="0.25">
      <c r="A837" s="2">
        <v>0.12</v>
      </c>
    </row>
    <row r="838" spans="1:1" x14ac:dyDescent="0.25">
      <c r="A838" s="2">
        <v>0.11</v>
      </c>
    </row>
    <row r="839" spans="1:1" x14ac:dyDescent="0.25">
      <c r="A839" s="2">
        <v>0.13</v>
      </c>
    </row>
    <row r="840" spans="1:1" x14ac:dyDescent="0.25">
      <c r="A840" s="2">
        <v>0.11</v>
      </c>
    </row>
    <row r="841" spans="1:1" x14ac:dyDescent="0.25">
      <c r="A841" s="2" t="s">
        <v>1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Sheet2</vt:lpstr>
    </vt:vector>
  </TitlesOfParts>
  <Company>Griffith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oeadmin</dc:creator>
  <cp:lastModifiedBy>soeadmin</cp:lastModifiedBy>
  <dcterms:created xsi:type="dcterms:W3CDTF">2017-11-15T02:59:08Z</dcterms:created>
  <dcterms:modified xsi:type="dcterms:W3CDTF">2017-12-18T00:00:24Z</dcterms:modified>
</cp:coreProperties>
</file>